
<file path=[Content_Types].xml><?xml version="1.0" encoding="utf-8"?>
<Types xmlns="http://schemas.openxmlformats.org/package/2006/content-types">
  <Default Extension="fntdata" ContentType="application/x-fontdata"/>
  <Default Extension="jpeg" ContentType="image/jpeg"/>
  <Default Extension="mp4" ContentType="video/mp4"/>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tags/tag2.xml" ContentType="application/vnd.openxmlformats-officedocument.presentationml.tags+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revisionInfo.xml" ContentType="application/vnd.ms-powerpoint.revision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p:sldMasterIdLst>
    <p:sldMasterId id="2147483648" r:id="rId4"/>
  </p:sldMasterIdLst>
  <p:notesMasterIdLst>
    <p:notesMasterId r:id="rId44"/>
  </p:notesMasterIdLst>
  <p:sldIdLst>
    <p:sldId id="284" r:id="rId5"/>
    <p:sldId id="400" r:id="rId6"/>
    <p:sldId id="401" r:id="rId7"/>
    <p:sldId id="2147375224" r:id="rId8"/>
    <p:sldId id="313" r:id="rId9"/>
    <p:sldId id="2036" r:id="rId10"/>
    <p:sldId id="2038" r:id="rId11"/>
    <p:sldId id="2147375220" r:id="rId12"/>
    <p:sldId id="2147481669" r:id="rId13"/>
    <p:sldId id="2147481670" r:id="rId14"/>
    <p:sldId id="322" r:id="rId15"/>
    <p:sldId id="2147481658" r:id="rId16"/>
    <p:sldId id="2147481673" r:id="rId17"/>
    <p:sldId id="2147375221" r:id="rId18"/>
    <p:sldId id="2147375222" r:id="rId19"/>
    <p:sldId id="402" r:id="rId20"/>
    <p:sldId id="403" r:id="rId21"/>
    <p:sldId id="2147481676" r:id="rId22"/>
    <p:sldId id="2147481679" r:id="rId23"/>
    <p:sldId id="2147375226" r:id="rId24"/>
    <p:sldId id="2147375227" r:id="rId25"/>
    <p:sldId id="2147375229" r:id="rId26"/>
    <p:sldId id="2147375230" r:id="rId27"/>
    <p:sldId id="2147481656" r:id="rId28"/>
    <p:sldId id="2147481657" r:id="rId29"/>
    <p:sldId id="2147375225" r:id="rId30"/>
    <p:sldId id="2147481677" r:id="rId31"/>
    <p:sldId id="2147481675" r:id="rId32"/>
    <p:sldId id="2147375231" r:id="rId33"/>
    <p:sldId id="2147481661" r:id="rId34"/>
    <p:sldId id="2147481662" r:id="rId35"/>
    <p:sldId id="2147481674" r:id="rId36"/>
    <p:sldId id="2147481668" r:id="rId37"/>
    <p:sldId id="2147481678" r:id="rId38"/>
    <p:sldId id="2147481680" r:id="rId39"/>
    <p:sldId id="2147481681" r:id="rId40"/>
    <p:sldId id="2147481682" r:id="rId41"/>
    <p:sldId id="309" r:id="rId42"/>
    <p:sldId id="288" r:id="rId43"/>
  </p:sldIdLst>
  <p:sldSz cx="12192000" cy="6858000"/>
  <p:notesSz cx="6858000" cy="9144000"/>
  <p:embeddedFontLst>
    <p:embeddedFont>
      <p:font typeface="Poppins Light" panose="00000400000000000000" pitchFamily="2" charset="0"/>
      <p:regular r:id="rId45"/>
    </p:embeddedFont>
    <p:embeddedFont>
      <p:font typeface="Poppins SemiBold" panose="00000700000000000000" pitchFamily="2" charset="0"/>
      <p:bold r:id="rId46"/>
    </p:embeddedFont>
    <p:embeddedFont>
      <p:font typeface="Roboto SemiBold" panose="020B0604020202020204" charset="0"/>
      <p:bold r:id="rId47"/>
      <p:boldItalic r:id="rId48"/>
    </p:embeddedFont>
  </p:embeddedFontLst>
  <p:custDataLst>
    <p:tags r:id="rId49"/>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E305B801-F498-34F8-870E-09188FAD9AD4}" name="Neetu Mishra" initials="NM" userId="S::P02716@aptaracorp.com::ff502fc2-34a7-4656-9199-e0b5a3d90f3f" providerId="AD"/>
  <p188:author id="{7A4FF307-4396-6907-479A-68302C3D99CB}" name="Karthik" initials="KA" userId="S::karthikeyan@aptaracorp.com::8ff4c3fb-6f20-4ae7-9406-2e7ec7894fcb" providerId="AD"/>
  <p188:author id="{6756391C-B65D-B65F-792E-5213133915CB}" name="Anuja Bhise" initials="AB" userId="S::P03285@aptaracorp.com::e3975433-227c-4acd-8529-1ff9f2dc8f1c" providerId="AD"/>
  <p188:author id="{546AA860-ECE9-AFB8-F2FA-8C15CA88B250}" name="Priyanka Banerjee" initials="PB" userId="S::p02900@aptaracorp.com::460ba19b-268d-4d0c-aae2-8b04d4823e92" providerId="AD"/>
  <p188:author id="{40AC6A85-D40E-EFA8-C21F-8E85FA8632A5}" name="Priyanka Banerjee" initials="PB" userId="S::P02900@aptaracorp.com::460ba19b-268d-4d0c-aae2-8b04d4823e92" providerId="AD"/>
  <p188:author id="{0854CC8E-228E-BB93-BC71-F251A8303564}" name="Surekha Bharne" initials="SB" userId="S::p03180@aptaracorp.com::0ae5e3fd-b2e1-4a65-9448-6e95ec33b9c2" providerId="AD"/>
  <p188:author id="{2705CAC5-A049-5D2E-07B9-930CDBBCE65E}" name="Atul Ghatge" initials="AG" userId="S::atulg@aptaracorp.com::06d21504-cb69-4b55-9d74-9983b6cb698a" providerId="AD"/>
  <p188:author id="{DA8CECC7-00C4-394A-B309-8303E0CDD882}" name="Anand Vedpathak" initials="AV" userId="S::P02447@aptaracorp.com::e62c01c3-40aa-4017-b0de-240715659bb6" providerId="AD"/>
  <p188:author id="{BA29AAC8-20F3-8B7A-90DC-A3B0338D886D}" name="Mohit Chaturvedi" initials="MC" userId="S::mohit@aptaracorp.com::f44e7c1e-1aef-417c-8e36-d5834f8efc0c" providerId="AD"/>
  <p188:author id="{A8CC8AD2-F02B-89BA-7824-8353328EC16B}" name="Sailaja Revur" initials="SR" userId="S::C00976@aptaracorp.com::f9bbf67e-4aba-4e9e-9883-0b82c18155b8" providerId="AD"/>
  <p188:author id="{E5BB8ED2-124B-3411-2802-C497CDEBC4D7}" name="Gunjan Bhandari" initials="GB" userId="S::P02817@aptaracorp.com::40054d2f-4ad3-4131-9b3f-e82b6010f91b" providerId="AD"/>
  <p188:author id="{D7B41DDA-9D03-D0E8-2F26-A45795BCAB7F}" name="Anindya Sengupta" initials="AS" userId="S::P03363@aptaracorp.com::a9dee81c-1dc9-4bcb-b29b-df4942d9102a" providerId="AD"/>
  <p188:author id="{E446A9DD-C69E-1F40-3C6C-5DBADF5D3743}" name="Anand Chikane" initials="AC" userId="S::anand@aptaracorp.com::fb498ba7-3937-46eb-9314-473937b4d000" providerId="AD"/>
  <p188:author id="{F1290AF0-74C6-D3FD-E845-E1DD1DD976AF}" name="Karthik" initials="AK" userId="Karthik" providerId="None"/>
  <p188:author id="{0CBD03F9-8FF2-2C16-0E8F-D8C7ACB9FB2C}" name="Suhas Kotkar" initials="SK" userId="S::suhas@aptaracorp.com::f9bec892-59f2-4775-aca3-286a2bd71ba0"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5B3AD4"/>
    <a:srgbClr val="00B0F0"/>
    <a:srgbClr val="5F0EC6"/>
    <a:srgbClr val="616161"/>
    <a:srgbClr val="FFFFFF"/>
    <a:srgbClr val="DD99AA"/>
    <a:srgbClr val="522EAC"/>
    <a:srgbClr val="9805A7"/>
    <a:srgbClr val="640DA7"/>
    <a:srgbClr val="8A08A6"/>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A32F565F-7A54-4AF9-B9B8-AB4D6A02AC1C}" v="11" dt="2026-04-24T10:48:40.579"/>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3B4B98B0-60AC-42C2-AFA5-B58CD77FA1E5}" styleName="Light Style 1 - Accent 1">
    <a:wholeTbl>
      <a:tcTxStyle>
        <a:fontRef idx="minor">
          <a:scrgbClr r="0" g="0" b="0"/>
        </a:fontRef>
        <a:schemeClr val="tx1"/>
      </a:tcTxStyle>
      <a:tcStyle>
        <a:tcBdr>
          <a:left>
            <a:ln>
              <a:noFill/>
            </a:ln>
          </a:left>
          <a:right>
            <a:ln>
              <a:noFill/>
            </a:ln>
          </a:right>
          <a:top>
            <a:ln w="12700" cmpd="sng">
              <a:solidFill>
                <a:schemeClr val="accent1"/>
              </a:solidFill>
            </a:ln>
          </a:top>
          <a:bottom>
            <a:ln w="12700" cmpd="sng">
              <a:solidFill>
                <a:schemeClr val="accent1"/>
              </a:solidFill>
            </a:ln>
          </a:bottom>
          <a:insideH>
            <a:ln>
              <a:noFill/>
            </a:ln>
          </a:insideH>
          <a:insideV>
            <a:ln>
              <a:noFill/>
            </a:ln>
          </a:insideV>
        </a:tcBdr>
        <a:fill>
          <a:noFill/>
        </a:fill>
      </a:tcStyle>
    </a:wholeTbl>
    <a:band1H>
      <a:tcStyle>
        <a:tcBdr/>
        <a:fill>
          <a:solidFill>
            <a:schemeClr val="accent1">
              <a:alpha val="20000"/>
            </a:schemeClr>
          </a:solidFill>
        </a:fill>
      </a:tcStyle>
    </a:band1H>
    <a:band2H>
      <a:tcStyle>
        <a:tcBdr/>
      </a:tcStyle>
    </a:band2H>
    <a:band1V>
      <a:tcStyle>
        <a:tcBdr/>
        <a:fill>
          <a:solidFill>
            <a:schemeClr val="accent1">
              <a:alpha val="20000"/>
            </a:schemeClr>
          </a:solidFill>
        </a:fill>
      </a:tcStyle>
    </a:band1V>
    <a:lastCol>
      <a:tcTxStyle b="on"/>
      <a:tcStyle>
        <a:tcBdr/>
      </a:tcStyle>
    </a:lastCol>
    <a:firstCol>
      <a:tcTxStyle b="on"/>
      <a:tcStyle>
        <a:tcBdr/>
      </a:tcStyle>
    </a:firstCol>
    <a:lastRow>
      <a:tcTxStyle b="on"/>
      <a:tcStyle>
        <a:tcBdr>
          <a:top>
            <a:ln w="12700" cmpd="sng">
              <a:solidFill>
                <a:schemeClr val="accent1"/>
              </a:solidFill>
            </a:ln>
          </a:top>
        </a:tcBdr>
        <a:fill>
          <a:noFill/>
        </a:fill>
      </a:tcStyle>
    </a:lastRow>
    <a:firstRow>
      <a:tcTxStyle b="on"/>
      <a:tcStyle>
        <a:tcBdr>
          <a:bottom>
            <a:ln w="12700" cmpd="sng">
              <a:solidFill>
                <a:schemeClr val="accent1"/>
              </a:solidFill>
            </a:ln>
          </a:bottom>
        </a:tcBdr>
        <a:fill>
          <a:noFill/>
        </a:fill>
      </a:tcStyle>
    </a:firstRow>
  </a:tblStyle>
  <a:tblStyle styleId="{69012ECD-51FC-41F1-AA8D-1B2483CD663E}" styleName="Light Style 2 - Accent 1">
    <a:wholeTbl>
      <a:tcTxStyle>
        <a:fontRef idx="minor">
          <a:scrgbClr r="0" g="0" b="0"/>
        </a:fontRef>
        <a:schemeClr val="tx1"/>
      </a:tcTxStyle>
      <a:tcStyle>
        <a:tcBdr>
          <a:left>
            <a:lnRef idx="1">
              <a:schemeClr val="accent1"/>
            </a:lnRef>
          </a:left>
          <a:right>
            <a:lnRef idx="1">
              <a:schemeClr val="accent1"/>
            </a:lnRef>
          </a:right>
          <a:top>
            <a:lnRef idx="1">
              <a:schemeClr val="accent1"/>
            </a:lnRef>
          </a:top>
          <a:bottom>
            <a:lnRef idx="1">
              <a:schemeClr val="accent1"/>
            </a:lnRef>
          </a:bottom>
          <a:insideH>
            <a:ln>
              <a:noFill/>
            </a:ln>
          </a:insideH>
          <a:insideV>
            <a:ln>
              <a:noFill/>
            </a:ln>
          </a:insideV>
        </a:tcBdr>
        <a:fill>
          <a:noFill/>
        </a:fill>
      </a:tcStyle>
    </a:wholeTbl>
    <a:band1H>
      <a:tcStyle>
        <a:tcBdr>
          <a:top>
            <a:lnRef idx="1">
              <a:schemeClr val="accent1"/>
            </a:lnRef>
          </a:top>
          <a:bottom>
            <a:lnRef idx="1">
              <a:schemeClr val="accent1"/>
            </a:lnRef>
          </a:bottom>
        </a:tcBdr>
      </a:tcStyle>
    </a:band1H>
    <a:band1V>
      <a:tcStyle>
        <a:tcBdr>
          <a:left>
            <a:lnRef idx="1">
              <a:schemeClr val="accent1"/>
            </a:lnRef>
          </a:left>
          <a:right>
            <a:lnRef idx="1">
              <a:schemeClr val="accent1"/>
            </a:lnRef>
          </a:right>
        </a:tcBdr>
      </a:tcStyle>
    </a:band1V>
    <a:band2V>
      <a:tcStyle>
        <a:tcBdr>
          <a:left>
            <a:lnRef idx="1">
              <a:schemeClr val="accent1"/>
            </a:lnRef>
          </a:left>
          <a:right>
            <a:lnRef idx="1">
              <a:schemeClr val="accent1"/>
            </a:lnRef>
          </a:right>
        </a:tcBdr>
      </a:tcStyle>
    </a:band2V>
    <a:lastCol>
      <a:tcTxStyle b="on"/>
      <a:tcStyle>
        <a:tcBdr/>
      </a:tcStyle>
    </a:lastCol>
    <a:firstCol>
      <a:tcTxStyle b="on"/>
      <a:tcStyle>
        <a:tcBdr/>
      </a:tcStyle>
    </a:firstCol>
    <a:lastRow>
      <a:tcTxStyle b="on"/>
      <a:tcStyle>
        <a:tcBdr>
          <a:top>
            <a:ln w="50800" cmpd="dbl">
              <a:solidFill>
                <a:schemeClr val="accent1"/>
              </a:solidFill>
            </a:ln>
          </a:top>
        </a:tcBdr>
      </a:tcStyle>
    </a:lastRow>
    <a:firstRow>
      <a:tcTxStyle b="on">
        <a:fontRef idx="minor">
          <a:scrgbClr r="0" g="0" b="0"/>
        </a:fontRef>
        <a:schemeClr val="bg1"/>
      </a:tcTxStyle>
      <a:tcStyle>
        <a:tcBdr/>
        <a:fillRef idx="1">
          <a:schemeClr val="accent1"/>
        </a:fillRef>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59" d="100"/>
          <a:sy n="59" d="100"/>
        </p:scale>
        <p:origin x="940" y="52"/>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slide" Target="slides/slide38.xml"/><Relationship Id="rId47" Type="http://schemas.openxmlformats.org/officeDocument/2006/relationships/font" Target="fonts/font3.fntdata"/><Relationship Id="rId50" Type="http://schemas.openxmlformats.org/officeDocument/2006/relationships/presProps" Target="presProps.xml"/><Relationship Id="rId55" Type="http://schemas.microsoft.com/office/2018/10/relationships/authors" Target="authors.xml"/><Relationship Id="rId7" Type="http://schemas.openxmlformats.org/officeDocument/2006/relationships/slide" Target="slides/slide3.xml"/><Relationship Id="rId2" Type="http://schemas.openxmlformats.org/officeDocument/2006/relationships/customXml" Target="../customXml/item2.xml"/><Relationship Id="rId16" Type="http://schemas.openxmlformats.org/officeDocument/2006/relationships/slide" Target="slides/slide12.xml"/><Relationship Id="rId29" Type="http://schemas.openxmlformats.org/officeDocument/2006/relationships/slide" Target="slides/slide25.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font" Target="fonts/font1.fntdata"/><Relationship Id="rId53" Type="http://schemas.openxmlformats.org/officeDocument/2006/relationships/tableStyles" Target="tableStyles.xml"/><Relationship Id="rId5" Type="http://schemas.openxmlformats.org/officeDocument/2006/relationships/slide" Target="slides/slide1.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slide" Target="slides/slide27.xml"/><Relationship Id="rId44" Type="http://schemas.openxmlformats.org/officeDocument/2006/relationships/notesMaster" Target="notesMasters/notesMaster1.xml"/><Relationship Id="rId52" Type="http://schemas.openxmlformats.org/officeDocument/2006/relationships/theme" Target="theme/theme1.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font" Target="fonts/font4.fntdata"/><Relationship Id="rId8" Type="http://schemas.openxmlformats.org/officeDocument/2006/relationships/slide" Target="slides/slide4.xml"/><Relationship Id="rId51" Type="http://schemas.openxmlformats.org/officeDocument/2006/relationships/viewProps" Target="viewProps.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font" Target="fonts/font2.fntdata"/><Relationship Id="rId20" Type="http://schemas.openxmlformats.org/officeDocument/2006/relationships/slide" Target="slides/slide16.xml"/><Relationship Id="rId41" Type="http://schemas.openxmlformats.org/officeDocument/2006/relationships/slide" Target="slides/slide37.xml"/><Relationship Id="rId54" Type="http://schemas.microsoft.com/office/2015/10/relationships/revisionInfo" Target="revisionInfo.xml"/><Relationship Id="rId1" Type="http://schemas.openxmlformats.org/officeDocument/2006/relationships/customXml" Target="../customXml/item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tags" Target="tags/tag1.xml"/></Relationships>
</file>

<file path=ppt/charts/_rels/chart1.xml.rels><?xml version="1.0" encoding="UTF-8" standalone="yes"?>
<Relationships xmlns="http://schemas.openxmlformats.org/package/2006/relationships"><Relationship Id="rId3" Type="http://schemas.openxmlformats.org/officeDocument/2006/relationships/oleObject" Target="https://aptaracoin-my.sharepoint.com/personal/karthikeyan_aptaracorp_com/Documents/AI%20Tools/Estimates.xlsx" TargetMode="External"/><Relationship Id="rId2" Type="http://schemas.microsoft.com/office/2011/relationships/chartColorStyle" Target="colors1.xml"/><Relationship Id="rId1" Type="http://schemas.microsoft.com/office/2011/relationships/chartStyle" Target="style1.xml"/></Relationships>
</file>

<file path=ppt/charts/_rels/chart2.xml.rels><?xml version="1.0" encoding="UTF-8" standalone="yes"?>
<Relationships xmlns="http://schemas.openxmlformats.org/package/2006/relationships"><Relationship Id="rId3" Type="http://schemas.openxmlformats.org/officeDocument/2006/relationships/oleObject" Target="https://aptaracoin-my.sharepoint.com/personal/karthikeyan_aptaracorp_com/Documents/AI%20Tools/Estimates.xlsx" TargetMode="External"/><Relationship Id="rId2" Type="http://schemas.microsoft.com/office/2011/relationships/chartColorStyle" Target="colors2.xml"/><Relationship Id="rId1" Type="http://schemas.microsoft.com/office/2011/relationships/chartStyle" Target="style2.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600" b="0" i="0" u="none" strike="noStrike" kern="1200" spc="0" baseline="0">
                <a:solidFill>
                  <a:schemeClr val="tx1">
                    <a:lumMod val="65000"/>
                    <a:lumOff val="35000"/>
                  </a:schemeClr>
                </a:solidFill>
                <a:latin typeface="+mn-lt"/>
                <a:ea typeface="+mn-ea"/>
                <a:cs typeface="+mn-cs"/>
              </a:defRPr>
            </a:pPr>
            <a:r>
              <a:rPr lang="en-IN" sz="1600" dirty="0">
                <a:latin typeface="Roboto SemiBold" panose="02000000000000000000" pitchFamily="2" charset="0"/>
              </a:rPr>
              <a:t>Level 01 Project</a:t>
            </a:r>
          </a:p>
        </c:rich>
      </c:tx>
      <c:overlay val="0"/>
      <c:spPr>
        <a:noFill/>
        <a:ln>
          <a:noFill/>
        </a:ln>
        <a:effectLst/>
      </c:spPr>
      <c:txPr>
        <a:bodyPr rot="0" spcFirstLastPara="1" vertOverflow="ellipsis" vert="horz" wrap="square" anchor="ctr" anchorCtr="1"/>
        <a:lstStyle/>
        <a:p>
          <a:pPr>
            <a:defRPr sz="1600" b="0"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barChart>
        <c:barDir val="col"/>
        <c:grouping val="clustered"/>
        <c:varyColors val="0"/>
        <c:ser>
          <c:idx val="0"/>
          <c:order val="0"/>
          <c:tx>
            <c:strRef>
              <c:f>Sheet1!$B$10</c:f>
              <c:strCache>
                <c:ptCount val="1"/>
                <c:pt idx="0">
                  <c:v>Conventional</c:v>
                </c:pt>
              </c:strCache>
            </c:strRef>
          </c:tx>
          <c:spPr>
            <a:solidFill>
              <a:schemeClr val="accent6"/>
            </a:solidFill>
            <a:ln>
              <a:noFill/>
            </a:ln>
            <a:effectLst/>
          </c:spPr>
          <c:invertIfNegative val="0"/>
          <c:cat>
            <c:strRef>
              <c:f>Sheet1!$C$7:$L$7</c:f>
              <c:strCache>
                <c:ptCount val="10"/>
                <c:pt idx="0">
                  <c:v>Concept</c:v>
                </c:pt>
                <c:pt idx="1">
                  <c:v>Storyboarding</c:v>
                </c:pt>
                <c:pt idx="2">
                  <c:v>Wireframing</c:v>
                </c:pt>
                <c:pt idx="3">
                  <c:v>Prototyping</c:v>
                </c:pt>
                <c:pt idx="4">
                  <c:v>Design</c:v>
                </c:pt>
                <c:pt idx="5">
                  <c:v>Video</c:v>
                </c:pt>
                <c:pt idx="6">
                  <c:v>Audio</c:v>
                </c:pt>
                <c:pt idx="7">
                  <c:v>Imagery</c:v>
                </c:pt>
                <c:pt idx="8">
                  <c:v>Authoring</c:v>
                </c:pt>
                <c:pt idx="9">
                  <c:v>Total</c:v>
                </c:pt>
              </c:strCache>
            </c:strRef>
          </c:cat>
          <c:val>
            <c:numRef>
              <c:f>Sheet1!$C$10:$L$10</c:f>
              <c:numCache>
                <c:formatCode>#,##0_);[Red]\(#,##0\)</c:formatCode>
                <c:ptCount val="10"/>
                <c:pt idx="0">
                  <c:v>2</c:v>
                </c:pt>
                <c:pt idx="1">
                  <c:v>8</c:v>
                </c:pt>
                <c:pt idx="2">
                  <c:v>3</c:v>
                </c:pt>
                <c:pt idx="3">
                  <c:v>5</c:v>
                </c:pt>
                <c:pt idx="4">
                  <c:v>8</c:v>
                </c:pt>
                <c:pt idx="5">
                  <c:v>0</c:v>
                </c:pt>
                <c:pt idx="6">
                  <c:v>3</c:v>
                </c:pt>
                <c:pt idx="7">
                  <c:v>5</c:v>
                </c:pt>
                <c:pt idx="8">
                  <c:v>8</c:v>
                </c:pt>
                <c:pt idx="9">
                  <c:v>42</c:v>
                </c:pt>
              </c:numCache>
            </c:numRef>
          </c:val>
          <c:extLst>
            <c:ext xmlns:c16="http://schemas.microsoft.com/office/drawing/2014/chart" uri="{C3380CC4-5D6E-409C-BE32-E72D297353CC}">
              <c16:uniqueId val="{00000000-BCD8-4A54-AD2D-8E70A5AD97B3}"/>
            </c:ext>
          </c:extLst>
        </c:ser>
        <c:ser>
          <c:idx val="1"/>
          <c:order val="1"/>
          <c:tx>
            <c:strRef>
              <c:f>Sheet1!$B$11</c:f>
              <c:strCache>
                <c:ptCount val="1"/>
                <c:pt idx="0">
                  <c:v>With AI</c:v>
                </c:pt>
              </c:strCache>
            </c:strRef>
          </c:tx>
          <c:spPr>
            <a:solidFill>
              <a:schemeClr val="accent5"/>
            </a:solidFill>
            <a:ln>
              <a:noFill/>
            </a:ln>
            <a:effectLst/>
          </c:spPr>
          <c:invertIfNegative val="0"/>
          <c:cat>
            <c:strRef>
              <c:f>Sheet1!$C$7:$L$7</c:f>
              <c:strCache>
                <c:ptCount val="10"/>
                <c:pt idx="0">
                  <c:v>Concept</c:v>
                </c:pt>
                <c:pt idx="1">
                  <c:v>Storyboarding</c:v>
                </c:pt>
                <c:pt idx="2">
                  <c:v>Wireframing</c:v>
                </c:pt>
                <c:pt idx="3">
                  <c:v>Prototyping</c:v>
                </c:pt>
                <c:pt idx="4">
                  <c:v>Design</c:v>
                </c:pt>
                <c:pt idx="5">
                  <c:v>Video</c:v>
                </c:pt>
                <c:pt idx="6">
                  <c:v>Audio</c:v>
                </c:pt>
                <c:pt idx="7">
                  <c:v>Imagery</c:v>
                </c:pt>
                <c:pt idx="8">
                  <c:v>Authoring</c:v>
                </c:pt>
                <c:pt idx="9">
                  <c:v>Total</c:v>
                </c:pt>
              </c:strCache>
            </c:strRef>
          </c:cat>
          <c:val>
            <c:numRef>
              <c:f>Sheet1!$C$11:$L$11</c:f>
              <c:numCache>
                <c:formatCode>#,##0_);[Red]\(#,##0\)</c:formatCode>
                <c:ptCount val="10"/>
                <c:pt idx="0">
                  <c:v>0.5</c:v>
                </c:pt>
                <c:pt idx="1">
                  <c:v>5</c:v>
                </c:pt>
                <c:pt idx="2">
                  <c:v>1</c:v>
                </c:pt>
                <c:pt idx="3">
                  <c:v>1</c:v>
                </c:pt>
                <c:pt idx="4">
                  <c:v>3</c:v>
                </c:pt>
                <c:pt idx="5">
                  <c:v>0</c:v>
                </c:pt>
                <c:pt idx="6">
                  <c:v>1</c:v>
                </c:pt>
                <c:pt idx="7">
                  <c:v>2</c:v>
                </c:pt>
                <c:pt idx="8">
                  <c:v>8</c:v>
                </c:pt>
                <c:pt idx="9">
                  <c:v>21.5</c:v>
                </c:pt>
              </c:numCache>
            </c:numRef>
          </c:val>
          <c:extLst>
            <c:ext xmlns:c16="http://schemas.microsoft.com/office/drawing/2014/chart" uri="{C3380CC4-5D6E-409C-BE32-E72D297353CC}">
              <c16:uniqueId val="{00000001-BCD8-4A54-AD2D-8E70A5AD97B3}"/>
            </c:ext>
          </c:extLst>
        </c:ser>
        <c:dLbls>
          <c:showLegendKey val="0"/>
          <c:showVal val="0"/>
          <c:showCatName val="0"/>
          <c:showSerName val="0"/>
          <c:showPercent val="0"/>
          <c:showBubbleSize val="0"/>
        </c:dLbls>
        <c:gapWidth val="219"/>
        <c:overlap val="-27"/>
        <c:axId val="1270676128"/>
        <c:axId val="1270674464"/>
      </c:barChart>
      <c:catAx>
        <c:axId val="1270676128"/>
        <c:scaling>
          <c:orientation val="minMax"/>
        </c:scaling>
        <c:delete val="0"/>
        <c:axPos val="b"/>
        <c:title>
          <c:tx>
            <c:rich>
              <a:bodyPr rot="0" spcFirstLastPara="1" vertOverflow="ellipsis" vert="horz" wrap="square" anchor="ctr" anchorCtr="1"/>
              <a:lstStyle/>
              <a:p>
                <a:pPr>
                  <a:defRPr sz="1000" b="0" i="0" u="none" strike="noStrike" kern="1200" baseline="0">
                    <a:solidFill>
                      <a:schemeClr val="tx1">
                        <a:lumMod val="65000"/>
                        <a:lumOff val="35000"/>
                      </a:schemeClr>
                    </a:solidFill>
                    <a:latin typeface="+mn-lt"/>
                    <a:ea typeface="+mn-ea"/>
                    <a:cs typeface="+mn-cs"/>
                  </a:defRPr>
                </a:pPr>
                <a:r>
                  <a:rPr lang="en-IN" dirty="0">
                    <a:latin typeface="Roboto SemiBold" panose="02000000000000000000" pitchFamily="2" charset="0"/>
                  </a:rPr>
                  <a:t>Project Phases</a:t>
                </a:r>
              </a:p>
            </c:rich>
          </c:tx>
          <c:overlay val="0"/>
          <c:spPr>
            <a:noFill/>
            <a:ln>
              <a:noFill/>
            </a:ln>
            <a:effectLst/>
          </c:spPr>
          <c:txPr>
            <a:bodyPr rot="0" spcFirstLastPara="1" vertOverflow="ellipsis" vert="horz" wrap="square" anchor="ctr" anchorCtr="1"/>
            <a:lstStyle/>
            <a:p>
              <a:pPr>
                <a:defRPr sz="1000" b="0" i="0" u="none" strike="noStrike" kern="1200" baseline="0">
                  <a:solidFill>
                    <a:schemeClr val="tx1">
                      <a:lumMod val="65000"/>
                      <a:lumOff val="35000"/>
                    </a:schemeClr>
                  </a:solidFill>
                  <a:latin typeface="+mn-lt"/>
                  <a:ea typeface="+mn-ea"/>
                  <a:cs typeface="+mn-cs"/>
                </a:defRPr>
              </a:pPr>
              <a:endParaRPr lang="en-US"/>
            </a:p>
          </c:txPr>
        </c:title>
        <c:numFmt formatCode="General" sourceLinked="1"/>
        <c:majorTickMark val="none"/>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1270674464"/>
        <c:crosses val="autoZero"/>
        <c:auto val="1"/>
        <c:lblAlgn val="ctr"/>
        <c:lblOffset val="100"/>
        <c:noMultiLvlLbl val="0"/>
      </c:catAx>
      <c:valAx>
        <c:axId val="1270674464"/>
        <c:scaling>
          <c:orientation val="minMax"/>
        </c:scaling>
        <c:delete val="0"/>
        <c:axPos val="l"/>
        <c:majorGridlines>
          <c:spPr>
            <a:ln w="9525" cap="flat" cmpd="sng" algn="ctr">
              <a:solidFill>
                <a:schemeClr val="tx1">
                  <a:lumMod val="15000"/>
                  <a:lumOff val="85000"/>
                </a:schemeClr>
              </a:solidFill>
              <a:round/>
            </a:ln>
            <a:effectLst/>
          </c:spPr>
        </c:majorGridlines>
        <c:title>
          <c:tx>
            <c:rich>
              <a:bodyPr rot="-5400000" spcFirstLastPara="1" vertOverflow="ellipsis" vert="horz" wrap="square" anchor="ctr" anchorCtr="1"/>
              <a:lstStyle/>
              <a:p>
                <a:pPr>
                  <a:defRPr sz="1000" b="0" i="0" u="none" strike="noStrike" kern="1200" baseline="0">
                    <a:solidFill>
                      <a:schemeClr val="tx1">
                        <a:lumMod val="65000"/>
                        <a:lumOff val="35000"/>
                      </a:schemeClr>
                    </a:solidFill>
                    <a:latin typeface="+mn-lt"/>
                    <a:ea typeface="+mn-ea"/>
                    <a:cs typeface="+mn-cs"/>
                  </a:defRPr>
                </a:pPr>
                <a:r>
                  <a:rPr lang="en-IN" dirty="0">
                    <a:latin typeface="Roboto SemiBold" panose="02000000000000000000" pitchFamily="2" charset="0"/>
                  </a:rPr>
                  <a:t>Days</a:t>
                </a:r>
              </a:p>
            </c:rich>
          </c:tx>
          <c:overlay val="0"/>
          <c:spPr>
            <a:noFill/>
            <a:ln>
              <a:noFill/>
            </a:ln>
            <a:effectLst/>
          </c:spPr>
          <c:txPr>
            <a:bodyPr rot="-5400000" spcFirstLastPara="1" vertOverflow="ellipsis" vert="horz" wrap="square" anchor="ctr" anchorCtr="1"/>
            <a:lstStyle/>
            <a:p>
              <a:pPr>
                <a:defRPr sz="1000" b="0" i="0" u="none" strike="noStrike" kern="1200" baseline="0">
                  <a:solidFill>
                    <a:schemeClr val="tx1">
                      <a:lumMod val="65000"/>
                      <a:lumOff val="35000"/>
                    </a:schemeClr>
                  </a:solidFill>
                  <a:latin typeface="+mn-lt"/>
                  <a:ea typeface="+mn-ea"/>
                  <a:cs typeface="+mn-cs"/>
                </a:defRPr>
              </a:pPr>
              <a:endParaRPr lang="en-US"/>
            </a:p>
          </c:txPr>
        </c:title>
        <c:numFmt formatCode="#,##0_);[Red]\(#,##0\)" sourceLinked="1"/>
        <c:majorTickMark val="none"/>
        <c:minorTickMark val="none"/>
        <c:tickLblPos val="nextTo"/>
        <c:spPr>
          <a:noFill/>
          <a:ln>
            <a:noFill/>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1270676128"/>
        <c:crosses val="autoZero"/>
        <c:crossBetween val="between"/>
      </c:valAx>
      <c:spPr>
        <a:noFill/>
        <a:ln>
          <a:noFill/>
        </a:ln>
        <a:effectLst/>
      </c:spPr>
    </c:plotArea>
    <c:legend>
      <c:legendPos val="b"/>
      <c:overlay val="0"/>
      <c:spPr>
        <a:noFill/>
        <a:ln>
          <a:noFill/>
        </a:ln>
        <a:effectLst/>
      </c:spPr>
      <c:txPr>
        <a:bodyPr rot="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legend>
    <c:plotVisOnly val="1"/>
    <c:dispBlanksAs val="gap"/>
    <c:showDLblsOverMax val="0"/>
    <c:extLst>
      <c:ext xmlns:c16r3="http://schemas.microsoft.com/office/drawing/2017/03/chart" uri="{56B9EC1D-385E-4148-901F-78D8002777C0}">
        <c16r3:dataDisplayOptions16>
          <c16r3:dispNaAsBlank val="1"/>
        </c16r3:dataDisplayOptions16>
      </c:ext>
    </c:extLst>
  </c:chart>
  <c:spPr>
    <a:solidFill>
      <a:schemeClr val="bg1"/>
    </a:solidFill>
    <a:ln>
      <a:solidFill>
        <a:srgbClr val="A33CF0"/>
      </a:solidFill>
    </a:ln>
    <a:effectLst>
      <a:outerShdw blurRad="63500" sx="102000" sy="102000" algn="ctr" rotWithShape="0">
        <a:prstClr val="black">
          <a:alpha val="5000"/>
        </a:prstClr>
      </a:outerShdw>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600" b="0" i="0" u="none" strike="noStrike" kern="1200" spc="0" baseline="0">
                <a:solidFill>
                  <a:schemeClr val="tx1">
                    <a:lumMod val="65000"/>
                    <a:lumOff val="35000"/>
                  </a:schemeClr>
                </a:solidFill>
                <a:latin typeface="+mn-lt"/>
                <a:ea typeface="+mn-ea"/>
                <a:cs typeface="+mn-cs"/>
              </a:defRPr>
            </a:pPr>
            <a:r>
              <a:rPr lang="en-IN" sz="1600" dirty="0">
                <a:latin typeface="Roboto SemiBold" panose="02000000000000000000" pitchFamily="2" charset="0"/>
              </a:rPr>
              <a:t>Level 02 Project</a:t>
            </a:r>
          </a:p>
        </c:rich>
      </c:tx>
      <c:overlay val="0"/>
      <c:spPr>
        <a:noFill/>
        <a:ln>
          <a:noFill/>
        </a:ln>
        <a:effectLst/>
      </c:spPr>
      <c:txPr>
        <a:bodyPr rot="0" spcFirstLastPara="1" vertOverflow="ellipsis" vert="horz" wrap="square" anchor="ctr" anchorCtr="1"/>
        <a:lstStyle/>
        <a:p>
          <a:pPr>
            <a:defRPr sz="1600" b="0"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barChart>
        <c:barDir val="col"/>
        <c:grouping val="clustered"/>
        <c:varyColors val="0"/>
        <c:ser>
          <c:idx val="0"/>
          <c:order val="0"/>
          <c:tx>
            <c:strRef>
              <c:f>Sheet1!$N$10</c:f>
              <c:strCache>
                <c:ptCount val="1"/>
                <c:pt idx="0">
                  <c:v>Conventional</c:v>
                </c:pt>
              </c:strCache>
            </c:strRef>
          </c:tx>
          <c:spPr>
            <a:solidFill>
              <a:schemeClr val="accent1"/>
            </a:solidFill>
            <a:ln>
              <a:noFill/>
            </a:ln>
            <a:effectLst/>
          </c:spPr>
          <c:invertIfNegative val="0"/>
          <c:cat>
            <c:strRef>
              <c:f>Sheet1!$O$7:$X$7</c:f>
              <c:strCache>
                <c:ptCount val="10"/>
                <c:pt idx="0">
                  <c:v>Concept</c:v>
                </c:pt>
                <c:pt idx="1">
                  <c:v>Storyboarding</c:v>
                </c:pt>
                <c:pt idx="2">
                  <c:v>Wireframing</c:v>
                </c:pt>
                <c:pt idx="3">
                  <c:v>Prototyping</c:v>
                </c:pt>
                <c:pt idx="4">
                  <c:v>Design</c:v>
                </c:pt>
                <c:pt idx="5">
                  <c:v>Video</c:v>
                </c:pt>
                <c:pt idx="6">
                  <c:v>Audio</c:v>
                </c:pt>
                <c:pt idx="7">
                  <c:v>Imagery</c:v>
                </c:pt>
                <c:pt idx="8">
                  <c:v>Authoring</c:v>
                </c:pt>
                <c:pt idx="9">
                  <c:v>Total</c:v>
                </c:pt>
              </c:strCache>
            </c:strRef>
          </c:cat>
          <c:val>
            <c:numRef>
              <c:f>Sheet1!$O$10:$X$10</c:f>
              <c:numCache>
                <c:formatCode>#,##0_);[Red]\(#,##0\)</c:formatCode>
                <c:ptCount val="10"/>
                <c:pt idx="0">
                  <c:v>3</c:v>
                </c:pt>
                <c:pt idx="1">
                  <c:v>10</c:v>
                </c:pt>
                <c:pt idx="2">
                  <c:v>4</c:v>
                </c:pt>
                <c:pt idx="3">
                  <c:v>6</c:v>
                </c:pt>
                <c:pt idx="4">
                  <c:v>10</c:v>
                </c:pt>
                <c:pt idx="5">
                  <c:v>5</c:v>
                </c:pt>
                <c:pt idx="6">
                  <c:v>3</c:v>
                </c:pt>
                <c:pt idx="7">
                  <c:v>6</c:v>
                </c:pt>
                <c:pt idx="8">
                  <c:v>10</c:v>
                </c:pt>
                <c:pt idx="9">
                  <c:v>57</c:v>
                </c:pt>
              </c:numCache>
            </c:numRef>
          </c:val>
          <c:extLst>
            <c:ext xmlns:c16="http://schemas.microsoft.com/office/drawing/2014/chart" uri="{C3380CC4-5D6E-409C-BE32-E72D297353CC}">
              <c16:uniqueId val="{00000000-E047-4584-B2A9-549536740CCC}"/>
            </c:ext>
          </c:extLst>
        </c:ser>
        <c:ser>
          <c:idx val="1"/>
          <c:order val="1"/>
          <c:tx>
            <c:strRef>
              <c:f>Sheet1!$N$11</c:f>
              <c:strCache>
                <c:ptCount val="1"/>
                <c:pt idx="0">
                  <c:v>With AI</c:v>
                </c:pt>
              </c:strCache>
            </c:strRef>
          </c:tx>
          <c:spPr>
            <a:solidFill>
              <a:schemeClr val="accent3"/>
            </a:solidFill>
            <a:ln>
              <a:noFill/>
            </a:ln>
            <a:effectLst/>
          </c:spPr>
          <c:invertIfNegative val="0"/>
          <c:cat>
            <c:strRef>
              <c:f>Sheet1!$O$7:$X$7</c:f>
              <c:strCache>
                <c:ptCount val="10"/>
                <c:pt idx="0">
                  <c:v>Concept</c:v>
                </c:pt>
                <c:pt idx="1">
                  <c:v>Storyboarding</c:v>
                </c:pt>
                <c:pt idx="2">
                  <c:v>Wireframing</c:v>
                </c:pt>
                <c:pt idx="3">
                  <c:v>Prototyping</c:v>
                </c:pt>
                <c:pt idx="4">
                  <c:v>Design</c:v>
                </c:pt>
                <c:pt idx="5">
                  <c:v>Video</c:v>
                </c:pt>
                <c:pt idx="6">
                  <c:v>Audio</c:v>
                </c:pt>
                <c:pt idx="7">
                  <c:v>Imagery</c:v>
                </c:pt>
                <c:pt idx="8">
                  <c:v>Authoring</c:v>
                </c:pt>
                <c:pt idx="9">
                  <c:v>Total</c:v>
                </c:pt>
              </c:strCache>
            </c:strRef>
          </c:cat>
          <c:val>
            <c:numRef>
              <c:f>Sheet1!$O$11:$X$11</c:f>
              <c:numCache>
                <c:formatCode>#,##0_);[Red]\(#,##0\)</c:formatCode>
                <c:ptCount val="10"/>
                <c:pt idx="0">
                  <c:v>1</c:v>
                </c:pt>
                <c:pt idx="1">
                  <c:v>5</c:v>
                </c:pt>
                <c:pt idx="2">
                  <c:v>2</c:v>
                </c:pt>
                <c:pt idx="3">
                  <c:v>3</c:v>
                </c:pt>
                <c:pt idx="4">
                  <c:v>5</c:v>
                </c:pt>
                <c:pt idx="5">
                  <c:v>2</c:v>
                </c:pt>
                <c:pt idx="6">
                  <c:v>1</c:v>
                </c:pt>
                <c:pt idx="7">
                  <c:v>3</c:v>
                </c:pt>
                <c:pt idx="8">
                  <c:v>8</c:v>
                </c:pt>
                <c:pt idx="9">
                  <c:v>30</c:v>
                </c:pt>
              </c:numCache>
            </c:numRef>
          </c:val>
          <c:extLst>
            <c:ext xmlns:c16="http://schemas.microsoft.com/office/drawing/2014/chart" uri="{C3380CC4-5D6E-409C-BE32-E72D297353CC}">
              <c16:uniqueId val="{00000001-E047-4584-B2A9-549536740CCC}"/>
            </c:ext>
          </c:extLst>
        </c:ser>
        <c:dLbls>
          <c:showLegendKey val="0"/>
          <c:showVal val="0"/>
          <c:showCatName val="0"/>
          <c:showSerName val="0"/>
          <c:showPercent val="0"/>
          <c:showBubbleSize val="0"/>
        </c:dLbls>
        <c:gapWidth val="219"/>
        <c:overlap val="-27"/>
        <c:axId val="1270676128"/>
        <c:axId val="1270674464"/>
      </c:barChart>
      <c:catAx>
        <c:axId val="1270676128"/>
        <c:scaling>
          <c:orientation val="minMax"/>
        </c:scaling>
        <c:delete val="0"/>
        <c:axPos val="b"/>
        <c:title>
          <c:tx>
            <c:rich>
              <a:bodyPr rot="0" spcFirstLastPara="1" vertOverflow="ellipsis" vert="horz" wrap="square" anchor="ctr" anchorCtr="1"/>
              <a:lstStyle/>
              <a:p>
                <a:pPr>
                  <a:defRPr sz="1000" b="0" i="0" u="none" strike="noStrike" kern="1200" baseline="0">
                    <a:solidFill>
                      <a:schemeClr val="tx1">
                        <a:lumMod val="65000"/>
                        <a:lumOff val="35000"/>
                      </a:schemeClr>
                    </a:solidFill>
                    <a:latin typeface="+mn-lt"/>
                    <a:ea typeface="+mn-ea"/>
                    <a:cs typeface="+mn-cs"/>
                  </a:defRPr>
                </a:pPr>
                <a:r>
                  <a:rPr lang="en-IN" dirty="0">
                    <a:latin typeface="Roboto SemiBold" panose="02000000000000000000" pitchFamily="2" charset="0"/>
                  </a:rPr>
                  <a:t>Project Phases</a:t>
                </a:r>
              </a:p>
            </c:rich>
          </c:tx>
          <c:overlay val="0"/>
          <c:spPr>
            <a:noFill/>
            <a:ln>
              <a:noFill/>
            </a:ln>
            <a:effectLst/>
          </c:spPr>
          <c:txPr>
            <a:bodyPr rot="0" spcFirstLastPara="1" vertOverflow="ellipsis" vert="horz" wrap="square" anchor="ctr" anchorCtr="1"/>
            <a:lstStyle/>
            <a:p>
              <a:pPr>
                <a:defRPr sz="1000" b="0" i="0" u="none" strike="noStrike" kern="1200" baseline="0">
                  <a:solidFill>
                    <a:schemeClr val="tx1">
                      <a:lumMod val="65000"/>
                      <a:lumOff val="35000"/>
                    </a:schemeClr>
                  </a:solidFill>
                  <a:latin typeface="+mn-lt"/>
                  <a:ea typeface="+mn-ea"/>
                  <a:cs typeface="+mn-cs"/>
                </a:defRPr>
              </a:pPr>
              <a:endParaRPr lang="en-US"/>
            </a:p>
          </c:txPr>
        </c:title>
        <c:numFmt formatCode="General" sourceLinked="1"/>
        <c:majorTickMark val="none"/>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1270674464"/>
        <c:crosses val="autoZero"/>
        <c:auto val="1"/>
        <c:lblAlgn val="ctr"/>
        <c:lblOffset val="100"/>
        <c:noMultiLvlLbl val="0"/>
      </c:catAx>
      <c:valAx>
        <c:axId val="1270674464"/>
        <c:scaling>
          <c:orientation val="minMax"/>
        </c:scaling>
        <c:delete val="0"/>
        <c:axPos val="l"/>
        <c:majorGridlines>
          <c:spPr>
            <a:ln w="9525" cap="flat" cmpd="sng" algn="ctr">
              <a:solidFill>
                <a:schemeClr val="tx1">
                  <a:lumMod val="15000"/>
                  <a:lumOff val="85000"/>
                </a:schemeClr>
              </a:solidFill>
              <a:round/>
            </a:ln>
            <a:effectLst/>
          </c:spPr>
        </c:majorGridlines>
        <c:title>
          <c:tx>
            <c:rich>
              <a:bodyPr rot="-5400000" spcFirstLastPara="1" vertOverflow="ellipsis" vert="horz" wrap="square" anchor="ctr" anchorCtr="1"/>
              <a:lstStyle/>
              <a:p>
                <a:pPr>
                  <a:defRPr sz="1000" b="0" i="0" u="none" strike="noStrike" kern="1200" baseline="0">
                    <a:solidFill>
                      <a:schemeClr val="tx1">
                        <a:lumMod val="65000"/>
                        <a:lumOff val="35000"/>
                      </a:schemeClr>
                    </a:solidFill>
                    <a:latin typeface="+mn-lt"/>
                    <a:ea typeface="+mn-ea"/>
                    <a:cs typeface="+mn-cs"/>
                  </a:defRPr>
                </a:pPr>
                <a:r>
                  <a:rPr lang="en-IN" dirty="0">
                    <a:latin typeface="Roboto SemiBold" panose="02000000000000000000" pitchFamily="2" charset="0"/>
                  </a:rPr>
                  <a:t>Days</a:t>
                </a:r>
              </a:p>
            </c:rich>
          </c:tx>
          <c:overlay val="0"/>
          <c:spPr>
            <a:noFill/>
            <a:ln>
              <a:noFill/>
            </a:ln>
            <a:effectLst/>
          </c:spPr>
          <c:txPr>
            <a:bodyPr rot="-5400000" spcFirstLastPara="1" vertOverflow="ellipsis" vert="horz" wrap="square" anchor="ctr" anchorCtr="1"/>
            <a:lstStyle/>
            <a:p>
              <a:pPr>
                <a:defRPr sz="1000" b="0" i="0" u="none" strike="noStrike" kern="1200" baseline="0">
                  <a:solidFill>
                    <a:schemeClr val="tx1">
                      <a:lumMod val="65000"/>
                      <a:lumOff val="35000"/>
                    </a:schemeClr>
                  </a:solidFill>
                  <a:latin typeface="+mn-lt"/>
                  <a:ea typeface="+mn-ea"/>
                  <a:cs typeface="+mn-cs"/>
                </a:defRPr>
              </a:pPr>
              <a:endParaRPr lang="en-US"/>
            </a:p>
          </c:txPr>
        </c:title>
        <c:numFmt formatCode="#,##0_);[Red]\(#,##0\)" sourceLinked="1"/>
        <c:majorTickMark val="none"/>
        <c:minorTickMark val="none"/>
        <c:tickLblPos val="nextTo"/>
        <c:spPr>
          <a:noFill/>
          <a:ln>
            <a:noFill/>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1270676128"/>
        <c:crosses val="autoZero"/>
        <c:crossBetween val="between"/>
      </c:valAx>
      <c:spPr>
        <a:noFill/>
        <a:ln>
          <a:noFill/>
        </a:ln>
        <a:effectLst/>
      </c:spPr>
    </c:plotArea>
    <c:legend>
      <c:legendPos val="b"/>
      <c:overlay val="0"/>
      <c:spPr>
        <a:noFill/>
        <a:ln>
          <a:noFill/>
        </a:ln>
        <a:effectLst/>
      </c:spPr>
      <c:txPr>
        <a:bodyPr rot="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legend>
    <c:plotVisOnly val="1"/>
    <c:dispBlanksAs val="gap"/>
    <c:showDLblsOverMax val="0"/>
    <c:extLst>
      <c:ext xmlns:c16r3="http://schemas.microsoft.com/office/drawing/2017/03/chart" uri="{56B9EC1D-385E-4148-901F-78D8002777C0}">
        <c16r3:dataDisplayOptions16>
          <c16r3:dispNaAsBlank val="1"/>
        </c16r3:dataDisplayOptions16>
      </c:ext>
    </c:extLst>
  </c:chart>
  <c:spPr>
    <a:solidFill>
      <a:schemeClr val="bg1"/>
    </a:solidFill>
    <a:ln>
      <a:solidFill>
        <a:srgbClr val="A33CF0"/>
      </a:solidFill>
    </a:ln>
    <a:effectLst>
      <a:outerShdw blurRad="63500" sx="102000" sy="102000" algn="ctr" rotWithShape="0">
        <a:prstClr val="black">
          <a:alpha val="5000"/>
        </a:prstClr>
      </a:outerShdw>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3">
  <a:schemeClr val="accent6"/>
  <a:schemeClr val="accent5"/>
  <a:schemeClr val="accent4"/>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xml><?xml version="1.0" encoding="utf-8"?>
<cs:colorStyle xmlns:cs="http://schemas.microsoft.com/office/drawing/2012/chartStyle" xmlns:a="http://schemas.openxmlformats.org/drawingml/2006/main" meth="cycle" id="11">
  <a:schemeClr val="accent1"/>
  <a:schemeClr val="accent3"/>
  <a:schemeClr val="accent5"/>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0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0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dk1"/>
    </cs:fontRef>
    <cs:spPr>
      <a:solidFill>
        <a:schemeClr val="dk1">
          <a:lumMod val="65000"/>
          <a:lumOff val="35000"/>
        </a:schemeClr>
      </a:solidFill>
      <a:ln w="9525">
        <a:solidFill>
          <a:schemeClr val="tx1">
            <a:lumMod val="65000"/>
            <a:lumOff val="35000"/>
          </a:schemeClr>
        </a:solidFill>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75000"/>
            <a:lumOff val="25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dk1"/>
    </cs:fontRef>
    <cs:spPr>
      <a:solidFill>
        <a:schemeClr val="lt1"/>
      </a:solidFill>
      <a:ln w="9525">
        <a:solidFill>
          <a:schemeClr val="tx1">
            <a:lumMod val="15000"/>
            <a:lumOff val="85000"/>
          </a:schemeClr>
        </a:solidFill>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2.xml><?xml version="1.0" encoding="utf-8"?>
<cs:chartStyle xmlns:cs="http://schemas.microsoft.com/office/drawing/2012/chartStyle" xmlns:a="http://schemas.openxmlformats.org/drawingml/2006/main" id="20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0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dk1"/>
    </cs:fontRef>
    <cs:spPr>
      <a:solidFill>
        <a:schemeClr val="dk1">
          <a:lumMod val="65000"/>
          <a:lumOff val="35000"/>
        </a:schemeClr>
      </a:solidFill>
      <a:ln w="9525">
        <a:solidFill>
          <a:schemeClr val="tx1">
            <a:lumMod val="65000"/>
            <a:lumOff val="35000"/>
          </a:schemeClr>
        </a:solidFill>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75000"/>
            <a:lumOff val="25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dk1"/>
    </cs:fontRef>
    <cs:spPr>
      <a:solidFill>
        <a:schemeClr val="lt1"/>
      </a:solidFill>
      <a:ln w="9525">
        <a:solidFill>
          <a:schemeClr val="tx1">
            <a:lumMod val="15000"/>
            <a:lumOff val="85000"/>
          </a:schemeClr>
        </a:solidFill>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atin typeface="Roboto SemiBold" panose="02000000000000000000" pitchFamily="2" charset="0"/>
              </a:defRPr>
            </a:lvl1pPr>
          </a:lstStyle>
          <a:p>
            <a:endParaRPr lang="en-IN" dirty="0"/>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atin typeface="Roboto SemiBold" panose="02000000000000000000" pitchFamily="2" charset="0"/>
              </a:defRPr>
            </a:lvl1pPr>
          </a:lstStyle>
          <a:p>
            <a:fld id="{66107069-86FA-4D8A-AE52-BC42359592FE}" type="datetimeFigureOut">
              <a:rPr lang="en-IN" smtClean="0"/>
              <a:pPr/>
              <a:t>30-04-2026</a:t>
            </a:fld>
            <a:endParaRPr lang="en-IN" dirty="0"/>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IN" dirty="0"/>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atin typeface="Roboto SemiBold" panose="02000000000000000000" pitchFamily="2" charset="0"/>
              </a:defRPr>
            </a:lvl1pPr>
          </a:lstStyle>
          <a:p>
            <a:endParaRPr lang="en-IN" dirty="0"/>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atin typeface="Roboto SemiBold" panose="02000000000000000000" pitchFamily="2" charset="0"/>
              </a:defRPr>
            </a:lvl1pPr>
          </a:lstStyle>
          <a:p>
            <a:fld id="{60EBEE18-19DE-4150-B442-A58071667994}" type="slidenum">
              <a:rPr lang="en-IN" smtClean="0"/>
              <a:pPr/>
              <a:t>‹#›</a:t>
            </a:fld>
            <a:endParaRPr lang="en-IN" dirty="0"/>
          </a:p>
        </p:txBody>
      </p:sp>
    </p:spTree>
    <p:extLst>
      <p:ext uri="{BB962C8B-B14F-4D97-AF65-F5344CB8AC3E}">
        <p14:creationId xmlns:p14="http://schemas.microsoft.com/office/powerpoint/2010/main" val="359677823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Roboto SemiBold" panose="02000000000000000000" pitchFamily="2" charset="0"/>
        <a:ea typeface="+mn-ea"/>
        <a:cs typeface="+mn-cs"/>
      </a:defRPr>
    </a:lvl1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txBody>
          <a:bodyPr/>
          <a:lstStyle/>
          <a:p>
            <a:endParaRPr lang="en-US"/>
          </a:p>
        </p:txBody>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60EBEE18-19DE-4150-B442-A58071667994}" type="slidenum">
              <a:rPr lang="en-IN" smtClean="0"/>
              <a:t>1</a:t>
            </a:fld>
            <a:endParaRPr lang="en-IN"/>
          </a:p>
        </p:txBody>
      </p:sp>
    </p:spTree>
    <p:extLst>
      <p:ext uri="{BB962C8B-B14F-4D97-AF65-F5344CB8AC3E}">
        <p14:creationId xmlns:p14="http://schemas.microsoft.com/office/powerpoint/2010/main" val="152243916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6E5150B-F82B-1BA5-38BA-C88219E772F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B703ED2-A77B-2A36-3C3A-8DA6E8CC88C2}"/>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642D677C-37A4-79AE-BC18-B38B02791E11}"/>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91E4FDE8-9852-AA1F-F28C-F39769E0A645}"/>
              </a:ext>
            </a:extLst>
          </p:cNvPr>
          <p:cNvSpPr>
            <a:spLocks noGrp="1"/>
          </p:cNvSpPr>
          <p:nvPr>
            <p:ph type="sldNum" sz="quarter" idx="5"/>
          </p:nvPr>
        </p:nvSpPr>
        <p:spPr/>
        <p:txBody>
          <a:bodyPr/>
          <a:lstStyle/>
          <a:p>
            <a:fld id="{60EBEE18-19DE-4150-B442-A58071667994}" type="slidenum">
              <a:rPr lang="en-IN" smtClean="0"/>
              <a:t>12</a:t>
            </a:fld>
            <a:endParaRPr lang="en-IN"/>
          </a:p>
        </p:txBody>
      </p:sp>
    </p:spTree>
    <p:extLst>
      <p:ext uri="{BB962C8B-B14F-4D97-AF65-F5344CB8AC3E}">
        <p14:creationId xmlns:p14="http://schemas.microsoft.com/office/powerpoint/2010/main" val="259375387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7E862B8-7090-F0D3-18B4-3857CC6A430C}"/>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E0D3768-0F7A-5FC9-B2C0-D488F26D2F6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2D8EF9CB-F1E7-D544-C8C9-B774373A3B5F}"/>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A65ACA47-851B-9116-CB52-0FF29413178F}"/>
              </a:ext>
            </a:extLst>
          </p:cNvPr>
          <p:cNvSpPr>
            <a:spLocks noGrp="1"/>
          </p:cNvSpPr>
          <p:nvPr>
            <p:ph type="sldNum" sz="quarter" idx="5"/>
          </p:nvPr>
        </p:nvSpPr>
        <p:spPr/>
        <p:txBody>
          <a:bodyPr/>
          <a:lstStyle/>
          <a:p>
            <a:fld id="{60EBEE18-19DE-4150-B442-A58071667994}" type="slidenum">
              <a:rPr lang="en-IN" smtClean="0"/>
              <a:t>13</a:t>
            </a:fld>
            <a:endParaRPr lang="en-IN"/>
          </a:p>
        </p:txBody>
      </p:sp>
    </p:spTree>
    <p:extLst>
      <p:ext uri="{BB962C8B-B14F-4D97-AF65-F5344CB8AC3E}">
        <p14:creationId xmlns:p14="http://schemas.microsoft.com/office/powerpoint/2010/main" val="380554449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AD6F27-9EF8-8BC8-9F6F-8EBEFD64192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BE8A9F5C-6F66-EB0E-D4B0-CA688529351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C3349205-5160-E17D-E438-80258B722D9B}"/>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1491FC4E-8AF5-4CCD-5BF6-334383C58875}"/>
              </a:ext>
            </a:extLst>
          </p:cNvPr>
          <p:cNvSpPr>
            <a:spLocks noGrp="1"/>
          </p:cNvSpPr>
          <p:nvPr>
            <p:ph type="sldNum" sz="quarter" idx="5"/>
          </p:nvPr>
        </p:nvSpPr>
        <p:spPr/>
        <p:txBody>
          <a:bodyPr/>
          <a:lstStyle/>
          <a:p>
            <a:fld id="{60EBEE18-19DE-4150-B442-A58071667994}" type="slidenum">
              <a:rPr lang="en-IN" smtClean="0"/>
              <a:t>14</a:t>
            </a:fld>
            <a:endParaRPr lang="en-IN"/>
          </a:p>
        </p:txBody>
      </p:sp>
    </p:spTree>
    <p:extLst>
      <p:ext uri="{BB962C8B-B14F-4D97-AF65-F5344CB8AC3E}">
        <p14:creationId xmlns:p14="http://schemas.microsoft.com/office/powerpoint/2010/main" val="215692181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BB981D7-AC6E-B791-F93E-33817EA4A37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165791F-A932-516D-F01F-4813FD22E5C4}"/>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6D3B9937-D734-7621-B073-182051933277}"/>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F35616B3-6C17-F691-C2D7-EE60C78F2FD6}"/>
              </a:ext>
            </a:extLst>
          </p:cNvPr>
          <p:cNvSpPr>
            <a:spLocks noGrp="1"/>
          </p:cNvSpPr>
          <p:nvPr>
            <p:ph type="sldNum" sz="quarter" idx="5"/>
          </p:nvPr>
        </p:nvSpPr>
        <p:spPr/>
        <p:txBody>
          <a:bodyPr/>
          <a:lstStyle/>
          <a:p>
            <a:fld id="{60EBEE18-19DE-4150-B442-A58071667994}" type="slidenum">
              <a:rPr lang="en-IN" smtClean="0"/>
              <a:t>15</a:t>
            </a:fld>
            <a:endParaRPr lang="en-IN"/>
          </a:p>
        </p:txBody>
      </p:sp>
    </p:spTree>
    <p:extLst>
      <p:ext uri="{BB962C8B-B14F-4D97-AF65-F5344CB8AC3E}">
        <p14:creationId xmlns:p14="http://schemas.microsoft.com/office/powerpoint/2010/main" val="115261957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12935D8-23AB-6248-8F50-06E39F22D38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F32EF59-EB50-B1E0-1A60-A3BD4F69A77E}"/>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451EA8B8-3EA5-6AFC-58AC-C9BE81FB09B5}"/>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9688DFE7-679F-AB09-5CCD-3B2520ACE77A}"/>
              </a:ext>
            </a:extLst>
          </p:cNvPr>
          <p:cNvSpPr>
            <a:spLocks noGrp="1"/>
          </p:cNvSpPr>
          <p:nvPr>
            <p:ph type="sldNum" sz="quarter" idx="5"/>
          </p:nvPr>
        </p:nvSpPr>
        <p:spPr/>
        <p:txBody>
          <a:bodyPr/>
          <a:lstStyle/>
          <a:p>
            <a:fld id="{60EBEE18-19DE-4150-B442-A58071667994}" type="slidenum">
              <a:rPr lang="en-IN" smtClean="0"/>
              <a:t>16</a:t>
            </a:fld>
            <a:endParaRPr lang="en-IN"/>
          </a:p>
        </p:txBody>
      </p:sp>
    </p:spTree>
    <p:extLst>
      <p:ext uri="{BB962C8B-B14F-4D97-AF65-F5344CB8AC3E}">
        <p14:creationId xmlns:p14="http://schemas.microsoft.com/office/powerpoint/2010/main" val="1918334987"/>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12935D8-23AB-6248-8F50-06E39F22D38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F32EF59-EB50-B1E0-1A60-A3BD4F69A77E}"/>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451EA8B8-3EA5-6AFC-58AC-C9BE81FB09B5}"/>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9688DFE7-679F-AB09-5CCD-3B2520ACE77A}"/>
              </a:ext>
            </a:extLst>
          </p:cNvPr>
          <p:cNvSpPr>
            <a:spLocks noGrp="1"/>
          </p:cNvSpPr>
          <p:nvPr>
            <p:ph type="sldNum" sz="quarter" idx="5"/>
          </p:nvPr>
        </p:nvSpPr>
        <p:spPr/>
        <p:txBody>
          <a:bodyPr/>
          <a:lstStyle/>
          <a:p>
            <a:fld id="{60EBEE18-19DE-4150-B442-A58071667994}" type="slidenum">
              <a:rPr lang="en-IN" smtClean="0"/>
              <a:t>17</a:t>
            </a:fld>
            <a:endParaRPr lang="en-IN"/>
          </a:p>
        </p:txBody>
      </p:sp>
    </p:spTree>
    <p:extLst>
      <p:ext uri="{BB962C8B-B14F-4D97-AF65-F5344CB8AC3E}">
        <p14:creationId xmlns:p14="http://schemas.microsoft.com/office/powerpoint/2010/main" val="83752066"/>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7EE2B0C-AF09-B180-2932-756B074345EA}"/>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C1527AF7-BBD0-2597-0922-BB33CF44765A}"/>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B8F382F2-D104-D498-FAEF-A4AD38B17CE9}"/>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894C26DE-B0FE-0763-E435-FC8FF5FA667D}"/>
              </a:ext>
            </a:extLst>
          </p:cNvPr>
          <p:cNvSpPr>
            <a:spLocks noGrp="1"/>
          </p:cNvSpPr>
          <p:nvPr>
            <p:ph type="sldNum" sz="quarter" idx="5"/>
          </p:nvPr>
        </p:nvSpPr>
        <p:spPr/>
        <p:txBody>
          <a:bodyPr/>
          <a:lstStyle/>
          <a:p>
            <a:fld id="{60EBEE18-19DE-4150-B442-A58071667994}" type="slidenum">
              <a:rPr lang="en-IN" smtClean="0"/>
              <a:t>18</a:t>
            </a:fld>
            <a:endParaRPr lang="en-IN"/>
          </a:p>
        </p:txBody>
      </p:sp>
    </p:spTree>
    <p:extLst>
      <p:ext uri="{BB962C8B-B14F-4D97-AF65-F5344CB8AC3E}">
        <p14:creationId xmlns:p14="http://schemas.microsoft.com/office/powerpoint/2010/main" val="235898679"/>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0F942CB-49C1-63C4-E52C-E075F39C44F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1939AF9-3209-4BFC-F990-6AD2A2F838E5}"/>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E2D186AE-94ED-1295-CDEF-028FCE94EAAA}"/>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3C5E2746-D38D-CB1C-2BED-EA0A74A87947}"/>
              </a:ext>
            </a:extLst>
          </p:cNvPr>
          <p:cNvSpPr>
            <a:spLocks noGrp="1"/>
          </p:cNvSpPr>
          <p:nvPr>
            <p:ph type="sldNum" sz="quarter" idx="5"/>
          </p:nvPr>
        </p:nvSpPr>
        <p:spPr/>
        <p:txBody>
          <a:bodyPr/>
          <a:lstStyle/>
          <a:p>
            <a:fld id="{60EBEE18-19DE-4150-B442-A58071667994}" type="slidenum">
              <a:rPr lang="en-IN" smtClean="0"/>
              <a:t>19</a:t>
            </a:fld>
            <a:endParaRPr lang="en-IN"/>
          </a:p>
        </p:txBody>
      </p:sp>
    </p:spTree>
    <p:extLst>
      <p:ext uri="{BB962C8B-B14F-4D97-AF65-F5344CB8AC3E}">
        <p14:creationId xmlns:p14="http://schemas.microsoft.com/office/powerpoint/2010/main" val="3171986885"/>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BD7CC29-4467-54F0-1C89-E6FAED850FE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141867F-3C68-A215-08B0-16DC850B89A6}"/>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B332C8D3-BF9C-69F4-E029-622572719123}"/>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6F0D11AC-366D-0EB4-8CAE-2067F1D5B81A}"/>
              </a:ext>
            </a:extLst>
          </p:cNvPr>
          <p:cNvSpPr>
            <a:spLocks noGrp="1"/>
          </p:cNvSpPr>
          <p:nvPr>
            <p:ph type="sldNum" sz="quarter" idx="5"/>
          </p:nvPr>
        </p:nvSpPr>
        <p:spPr/>
        <p:txBody>
          <a:bodyPr/>
          <a:lstStyle/>
          <a:p>
            <a:fld id="{60EBEE18-19DE-4150-B442-A58071667994}" type="slidenum">
              <a:rPr lang="en-IN" smtClean="0"/>
              <a:t>21</a:t>
            </a:fld>
            <a:endParaRPr lang="en-IN"/>
          </a:p>
        </p:txBody>
      </p:sp>
    </p:spTree>
    <p:extLst>
      <p:ext uri="{BB962C8B-B14F-4D97-AF65-F5344CB8AC3E}">
        <p14:creationId xmlns:p14="http://schemas.microsoft.com/office/powerpoint/2010/main" val="1483708053"/>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466762F-0B58-8BD6-0AC6-EACD5B9B8E7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7F612D2-0CDE-6C7F-579F-AD5D9E9C7EBC}"/>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95D77164-11F2-F6DA-E5C0-58321637734B}"/>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2616D7C7-04A1-7E87-5998-EA4F770F6279}"/>
              </a:ext>
            </a:extLst>
          </p:cNvPr>
          <p:cNvSpPr>
            <a:spLocks noGrp="1"/>
          </p:cNvSpPr>
          <p:nvPr>
            <p:ph type="sldNum" sz="quarter" idx="5"/>
          </p:nvPr>
        </p:nvSpPr>
        <p:spPr/>
        <p:txBody>
          <a:bodyPr/>
          <a:lstStyle/>
          <a:p>
            <a:fld id="{60EBEE18-19DE-4150-B442-A58071667994}" type="slidenum">
              <a:rPr lang="en-IN" smtClean="0"/>
              <a:t>23</a:t>
            </a:fld>
            <a:endParaRPr lang="en-IN"/>
          </a:p>
        </p:txBody>
      </p:sp>
    </p:spTree>
    <p:extLst>
      <p:ext uri="{BB962C8B-B14F-4D97-AF65-F5344CB8AC3E}">
        <p14:creationId xmlns:p14="http://schemas.microsoft.com/office/powerpoint/2010/main" val="151971485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8CFC03F-B626-13FB-7385-5B281F4FB9B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E9BAF61-5697-8C53-16CD-14A9F457E2B3}"/>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72ECC697-CB1F-05A8-EFD9-47501A7724F7}"/>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1D8C49E3-141C-E8E6-AFF6-64DCA4ACC699}"/>
              </a:ext>
            </a:extLst>
          </p:cNvPr>
          <p:cNvSpPr>
            <a:spLocks noGrp="1"/>
          </p:cNvSpPr>
          <p:nvPr>
            <p:ph type="sldNum" sz="quarter" idx="5"/>
          </p:nvPr>
        </p:nvSpPr>
        <p:spPr/>
        <p:txBody>
          <a:bodyPr/>
          <a:lstStyle/>
          <a:p>
            <a:fld id="{60EBEE18-19DE-4150-B442-A58071667994}" type="slidenum">
              <a:rPr lang="en-IN" smtClean="0"/>
              <a:t>2</a:t>
            </a:fld>
            <a:endParaRPr lang="en-IN"/>
          </a:p>
        </p:txBody>
      </p:sp>
    </p:spTree>
    <p:extLst>
      <p:ext uri="{BB962C8B-B14F-4D97-AF65-F5344CB8AC3E}">
        <p14:creationId xmlns:p14="http://schemas.microsoft.com/office/powerpoint/2010/main" val="175620089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2066F62-4B93-A693-DF52-4CC648E7505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0DFDE25-1D29-77A7-045B-19AD8842FD89}"/>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B0AF7BDC-3AD9-97FC-1E13-954F4744BACE}"/>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6FDBB18C-0645-C156-0680-A92025CB6765}"/>
              </a:ext>
            </a:extLst>
          </p:cNvPr>
          <p:cNvSpPr>
            <a:spLocks noGrp="1"/>
          </p:cNvSpPr>
          <p:nvPr>
            <p:ph type="sldNum" sz="quarter" idx="5"/>
          </p:nvPr>
        </p:nvSpPr>
        <p:spPr/>
        <p:txBody>
          <a:bodyPr/>
          <a:lstStyle/>
          <a:p>
            <a:fld id="{60EBEE18-19DE-4150-B442-A58071667994}" type="slidenum">
              <a:rPr lang="en-IN" smtClean="0"/>
              <a:t>25</a:t>
            </a:fld>
            <a:endParaRPr lang="en-IN"/>
          </a:p>
        </p:txBody>
      </p:sp>
    </p:spTree>
    <p:extLst>
      <p:ext uri="{BB962C8B-B14F-4D97-AF65-F5344CB8AC3E}">
        <p14:creationId xmlns:p14="http://schemas.microsoft.com/office/powerpoint/2010/main" val="1248836163"/>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96E100F-DFBD-6FD8-2A4A-E1D13585B92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3CFA3E2-1DE4-0925-2BBE-5E95ACAF4D4D}"/>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28212BD4-6777-9F30-EFC2-4F271D639214}"/>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F9A0EA95-5830-A7AF-BABD-7E241875C7A0}"/>
              </a:ext>
            </a:extLst>
          </p:cNvPr>
          <p:cNvSpPr>
            <a:spLocks noGrp="1"/>
          </p:cNvSpPr>
          <p:nvPr>
            <p:ph type="sldNum" sz="quarter" idx="5"/>
          </p:nvPr>
        </p:nvSpPr>
        <p:spPr/>
        <p:txBody>
          <a:bodyPr/>
          <a:lstStyle/>
          <a:p>
            <a:fld id="{60EBEE18-19DE-4150-B442-A58071667994}" type="slidenum">
              <a:rPr lang="en-IN" smtClean="0"/>
              <a:t>26</a:t>
            </a:fld>
            <a:endParaRPr lang="en-IN"/>
          </a:p>
        </p:txBody>
      </p:sp>
    </p:spTree>
    <p:extLst>
      <p:ext uri="{BB962C8B-B14F-4D97-AF65-F5344CB8AC3E}">
        <p14:creationId xmlns:p14="http://schemas.microsoft.com/office/powerpoint/2010/main" val="4010474469"/>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60EBEE18-19DE-4150-B442-A58071667994}" type="slidenum">
              <a:rPr lang="en-IN" smtClean="0"/>
              <a:t>28</a:t>
            </a:fld>
            <a:endParaRPr lang="en-IN"/>
          </a:p>
        </p:txBody>
      </p:sp>
    </p:spTree>
    <p:extLst>
      <p:ext uri="{BB962C8B-B14F-4D97-AF65-F5344CB8AC3E}">
        <p14:creationId xmlns:p14="http://schemas.microsoft.com/office/powerpoint/2010/main" val="1788158121"/>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D186134-0296-797A-7F8E-BB43A54D56FB}"/>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B0DF918-B21E-48EC-80F2-A7EC7423A91F}"/>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0ED6BB0A-5B42-04AE-8621-5642BEE146CE}"/>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9C9445F5-513D-EDBA-1FE6-D8993CD1247A}"/>
              </a:ext>
            </a:extLst>
          </p:cNvPr>
          <p:cNvSpPr>
            <a:spLocks noGrp="1"/>
          </p:cNvSpPr>
          <p:nvPr>
            <p:ph type="sldNum" sz="quarter" idx="5"/>
          </p:nvPr>
        </p:nvSpPr>
        <p:spPr/>
        <p:txBody>
          <a:bodyPr/>
          <a:lstStyle/>
          <a:p>
            <a:fld id="{60EBEE18-19DE-4150-B442-A58071667994}" type="slidenum">
              <a:rPr lang="en-IN" smtClean="0"/>
              <a:t>30</a:t>
            </a:fld>
            <a:endParaRPr lang="en-IN"/>
          </a:p>
        </p:txBody>
      </p:sp>
    </p:spTree>
    <p:extLst>
      <p:ext uri="{BB962C8B-B14F-4D97-AF65-F5344CB8AC3E}">
        <p14:creationId xmlns:p14="http://schemas.microsoft.com/office/powerpoint/2010/main" val="1009932902"/>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D1F124C-3363-C1E8-669A-FAB8977B834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1BE0774-35E1-9F59-65B0-8198D80D1511}"/>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A2E76316-42A6-0AC5-A742-27EDB07559AB}"/>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64BF1C77-B16F-92D7-DF7E-6AC3FD27DE17}"/>
              </a:ext>
            </a:extLst>
          </p:cNvPr>
          <p:cNvSpPr>
            <a:spLocks noGrp="1"/>
          </p:cNvSpPr>
          <p:nvPr>
            <p:ph type="sldNum" sz="quarter" idx="5"/>
          </p:nvPr>
        </p:nvSpPr>
        <p:spPr/>
        <p:txBody>
          <a:bodyPr/>
          <a:lstStyle/>
          <a:p>
            <a:fld id="{60EBEE18-19DE-4150-B442-A58071667994}" type="slidenum">
              <a:rPr lang="en-IN" smtClean="0"/>
              <a:t>31</a:t>
            </a:fld>
            <a:endParaRPr lang="en-IN"/>
          </a:p>
        </p:txBody>
      </p:sp>
    </p:spTree>
    <p:extLst>
      <p:ext uri="{BB962C8B-B14F-4D97-AF65-F5344CB8AC3E}">
        <p14:creationId xmlns:p14="http://schemas.microsoft.com/office/powerpoint/2010/main" val="631746166"/>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283F26D-F2D5-E976-5917-742B01C1927C}"/>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814A257-5CAB-E4CC-C45B-4D085B7CC072}"/>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9EE7979D-E8E0-D140-2053-1B335AB3AEC4}"/>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AF85C81E-8A6C-E59B-A14C-8D412E0C864D}"/>
              </a:ext>
            </a:extLst>
          </p:cNvPr>
          <p:cNvSpPr>
            <a:spLocks noGrp="1"/>
          </p:cNvSpPr>
          <p:nvPr>
            <p:ph type="sldNum" sz="quarter" idx="5"/>
          </p:nvPr>
        </p:nvSpPr>
        <p:spPr/>
        <p:txBody>
          <a:bodyPr/>
          <a:lstStyle/>
          <a:p>
            <a:fld id="{60EBEE18-19DE-4150-B442-A58071667994}" type="slidenum">
              <a:rPr lang="en-IN" smtClean="0"/>
              <a:t>35</a:t>
            </a:fld>
            <a:endParaRPr lang="en-IN"/>
          </a:p>
        </p:txBody>
      </p:sp>
    </p:spTree>
    <p:extLst>
      <p:ext uri="{BB962C8B-B14F-4D97-AF65-F5344CB8AC3E}">
        <p14:creationId xmlns:p14="http://schemas.microsoft.com/office/powerpoint/2010/main" val="474607250"/>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9514B0F-44D0-7980-630C-C7E7021582BA}"/>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1E2B4B7-F703-5E6B-48A6-741071605235}"/>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83DF89C4-7A63-F5E8-67AF-9B0BD691CDEA}"/>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C71B237B-0BE8-748C-C717-A7F1CCE9B260}"/>
              </a:ext>
            </a:extLst>
          </p:cNvPr>
          <p:cNvSpPr>
            <a:spLocks noGrp="1"/>
          </p:cNvSpPr>
          <p:nvPr>
            <p:ph type="sldNum" sz="quarter" idx="5"/>
          </p:nvPr>
        </p:nvSpPr>
        <p:spPr/>
        <p:txBody>
          <a:bodyPr/>
          <a:lstStyle/>
          <a:p>
            <a:fld id="{60EBEE18-19DE-4150-B442-A58071667994}" type="slidenum">
              <a:rPr lang="en-IN" smtClean="0"/>
              <a:t>36</a:t>
            </a:fld>
            <a:endParaRPr lang="en-IN"/>
          </a:p>
        </p:txBody>
      </p:sp>
    </p:spTree>
    <p:extLst>
      <p:ext uri="{BB962C8B-B14F-4D97-AF65-F5344CB8AC3E}">
        <p14:creationId xmlns:p14="http://schemas.microsoft.com/office/powerpoint/2010/main" val="617779509"/>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0DF2EF1-F63D-E875-E936-7083B907843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4411DA9-FAB0-E00F-20B7-25E2E2A4F886}"/>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B4E253E9-CFC6-949C-6C42-1AC5FD2ECD8F}"/>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8C41D060-BE9E-1168-6849-DD6515BDDAF9}"/>
              </a:ext>
            </a:extLst>
          </p:cNvPr>
          <p:cNvSpPr>
            <a:spLocks noGrp="1"/>
          </p:cNvSpPr>
          <p:nvPr>
            <p:ph type="sldNum" sz="quarter" idx="5"/>
          </p:nvPr>
        </p:nvSpPr>
        <p:spPr/>
        <p:txBody>
          <a:bodyPr/>
          <a:lstStyle/>
          <a:p>
            <a:fld id="{60EBEE18-19DE-4150-B442-A58071667994}" type="slidenum">
              <a:rPr lang="en-IN" smtClean="0"/>
              <a:t>37</a:t>
            </a:fld>
            <a:endParaRPr lang="en-IN"/>
          </a:p>
        </p:txBody>
      </p:sp>
    </p:spTree>
    <p:extLst>
      <p:ext uri="{BB962C8B-B14F-4D97-AF65-F5344CB8AC3E}">
        <p14:creationId xmlns:p14="http://schemas.microsoft.com/office/powerpoint/2010/main" val="4105331312"/>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txBody>
          <a:bodyPr/>
          <a:lstStyle/>
          <a:p>
            <a:endParaRPr lang="en-US"/>
          </a:p>
        </p:txBody>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60EBEE18-19DE-4150-B442-A58071667994}" type="slidenum">
              <a:rPr lang="en-IN" smtClean="0"/>
              <a:t>38</a:t>
            </a:fld>
            <a:endParaRPr lang="en-IN"/>
          </a:p>
        </p:txBody>
      </p:sp>
    </p:spTree>
    <p:extLst>
      <p:ext uri="{BB962C8B-B14F-4D97-AF65-F5344CB8AC3E}">
        <p14:creationId xmlns:p14="http://schemas.microsoft.com/office/powerpoint/2010/main" val="384321879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014047E-EC52-F3BA-9BE3-D0A3C73926A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1A0E955-92C7-3F2E-9AB1-E9F9EB2CBCFF}"/>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D916EF05-EF76-E375-F6C8-9858A1BE2C69}"/>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B13D82FB-D3C1-8735-30D1-61D597689FD4}"/>
              </a:ext>
            </a:extLst>
          </p:cNvPr>
          <p:cNvSpPr>
            <a:spLocks noGrp="1"/>
          </p:cNvSpPr>
          <p:nvPr>
            <p:ph type="sldNum" sz="quarter" idx="5"/>
          </p:nvPr>
        </p:nvSpPr>
        <p:spPr/>
        <p:txBody>
          <a:bodyPr/>
          <a:lstStyle/>
          <a:p>
            <a:fld id="{60EBEE18-19DE-4150-B442-A58071667994}" type="slidenum">
              <a:rPr lang="en-IN" smtClean="0"/>
              <a:t>3</a:t>
            </a:fld>
            <a:endParaRPr lang="en-IN"/>
          </a:p>
        </p:txBody>
      </p:sp>
    </p:spTree>
    <p:extLst>
      <p:ext uri="{BB962C8B-B14F-4D97-AF65-F5344CB8AC3E}">
        <p14:creationId xmlns:p14="http://schemas.microsoft.com/office/powerpoint/2010/main" val="5245276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txBody>
          <a:bodyPr/>
          <a:lstStyle/>
          <a:p>
            <a:endParaRPr lang="en-US"/>
          </a:p>
        </p:txBody>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60EBEE18-19DE-4150-B442-A58071667994}" type="slidenum">
              <a:rPr kumimoji="0" lang="en-IN" sz="1200" b="0" i="0" u="none" strike="noStrike" kern="1200" cap="none" spc="0" normalizeH="0" baseline="0" noProof="0" smtClean="0">
                <a:ln>
                  <a:noFill/>
                </a:ln>
                <a:solidFill>
                  <a:prstClr val="black"/>
                </a:solidFill>
                <a:effectLst/>
                <a:uLnTx/>
                <a:uFillTx/>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a:t>
            </a:fld>
            <a:endParaRPr kumimoji="0" lang="en-IN" sz="1200" b="0" i="0" u="none" strike="noStrike" kern="1200" cap="none" spc="0" normalizeH="0" baseline="0" noProof="0" dirty="0">
              <a:ln>
                <a:noFill/>
              </a:ln>
              <a:solidFill>
                <a:prstClr val="black"/>
              </a:solidFill>
              <a:effectLst/>
              <a:uLnTx/>
              <a:uFillTx/>
              <a:ea typeface="+mn-ea"/>
              <a:cs typeface="+mn-cs"/>
            </a:endParaRPr>
          </a:p>
        </p:txBody>
      </p:sp>
    </p:spTree>
    <p:extLst>
      <p:ext uri="{BB962C8B-B14F-4D97-AF65-F5344CB8AC3E}">
        <p14:creationId xmlns:p14="http://schemas.microsoft.com/office/powerpoint/2010/main" val="232841498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87346B6-CFFE-F8C3-BADA-9EB44B0F684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4262CF1-F737-7E8E-EF5F-30666A0BD476}"/>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770BC991-2866-3D1D-A5BB-2D60F8C41329}"/>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FDE8C731-F770-6BF1-644E-BDB681FDD179}"/>
              </a:ext>
            </a:extLst>
          </p:cNvPr>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60EBEE18-19DE-4150-B442-A58071667994}" type="slidenum">
              <a:rPr kumimoji="0" lang="en-IN" sz="1200" b="0" i="0" u="none" strike="noStrike" kern="1200" cap="none" spc="0" normalizeH="0" baseline="0" noProof="0" smtClean="0">
                <a:ln>
                  <a:noFill/>
                </a:ln>
                <a:solidFill>
                  <a:prstClr val="black"/>
                </a:solidFill>
                <a:effectLst/>
                <a:uLnTx/>
                <a:uFillTx/>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6</a:t>
            </a:fld>
            <a:endParaRPr kumimoji="0" lang="en-IN" sz="1200" b="0" i="0" u="none" strike="noStrike" kern="1200" cap="none" spc="0" normalizeH="0" baseline="0" noProof="0" dirty="0">
              <a:ln>
                <a:noFill/>
              </a:ln>
              <a:solidFill>
                <a:prstClr val="black"/>
              </a:solidFill>
              <a:effectLst/>
              <a:uLnTx/>
              <a:uFillTx/>
              <a:ea typeface="+mn-ea"/>
              <a:cs typeface="+mn-cs"/>
            </a:endParaRPr>
          </a:p>
        </p:txBody>
      </p:sp>
    </p:spTree>
    <p:extLst>
      <p:ext uri="{BB962C8B-B14F-4D97-AF65-F5344CB8AC3E}">
        <p14:creationId xmlns:p14="http://schemas.microsoft.com/office/powerpoint/2010/main" val="52432023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29F0AC6-79E9-C14C-3567-61F05564D1F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2D7B0E2C-B68F-3DF2-8898-D90B4BDA6BA8}"/>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43006889-5309-31D3-C698-D652F0EE2A7F}"/>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7E1AF5A2-5F46-1642-3DF2-03ACB054E9C5}"/>
              </a:ext>
            </a:extLst>
          </p:cNvPr>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60EBEE18-19DE-4150-B442-A58071667994}" type="slidenum">
              <a:rPr kumimoji="0" lang="en-IN" sz="1200" b="0" i="0" u="none" strike="noStrike" kern="1200" cap="none" spc="0" normalizeH="0" baseline="0" noProof="0" smtClean="0">
                <a:ln>
                  <a:noFill/>
                </a:ln>
                <a:solidFill>
                  <a:prstClr val="black"/>
                </a:solidFill>
                <a:effectLst/>
                <a:uLnTx/>
                <a:uFillTx/>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7</a:t>
            </a:fld>
            <a:endParaRPr kumimoji="0" lang="en-IN" sz="1200" b="0" i="0" u="none" strike="noStrike" kern="1200" cap="none" spc="0" normalizeH="0" baseline="0" noProof="0" dirty="0">
              <a:ln>
                <a:noFill/>
              </a:ln>
              <a:solidFill>
                <a:prstClr val="black"/>
              </a:solidFill>
              <a:effectLst/>
              <a:uLnTx/>
              <a:uFillTx/>
              <a:ea typeface="+mn-ea"/>
              <a:cs typeface="+mn-cs"/>
            </a:endParaRPr>
          </a:p>
        </p:txBody>
      </p:sp>
    </p:spTree>
    <p:extLst>
      <p:ext uri="{BB962C8B-B14F-4D97-AF65-F5344CB8AC3E}">
        <p14:creationId xmlns:p14="http://schemas.microsoft.com/office/powerpoint/2010/main" val="25569874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E201190-5615-67DD-DF66-40474C3D3B7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6C4968F-8C94-E66F-8A34-CA42FC35B9D2}"/>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E603797B-B66C-29D0-3D3C-9C81856B684F}"/>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B343C2F3-2243-B737-987C-2FE4C64B133C}"/>
              </a:ext>
            </a:extLst>
          </p:cNvPr>
          <p:cNvSpPr>
            <a:spLocks noGrp="1"/>
          </p:cNvSpPr>
          <p:nvPr>
            <p:ph type="sldNum" sz="quarter" idx="5"/>
          </p:nvPr>
        </p:nvSpPr>
        <p:spPr/>
        <p:txBody>
          <a:bodyPr/>
          <a:lstStyle/>
          <a:p>
            <a:fld id="{60EBEE18-19DE-4150-B442-A58071667994}" type="slidenum">
              <a:rPr lang="en-IN" smtClean="0"/>
              <a:t>9</a:t>
            </a:fld>
            <a:endParaRPr lang="en-IN"/>
          </a:p>
        </p:txBody>
      </p:sp>
    </p:spTree>
    <p:extLst>
      <p:ext uri="{BB962C8B-B14F-4D97-AF65-F5344CB8AC3E}">
        <p14:creationId xmlns:p14="http://schemas.microsoft.com/office/powerpoint/2010/main" val="345577499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188FABC-5BD3-70FB-F284-29B76FCC6BA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CF3D9A6-283E-6588-3C5B-2D40089FDB53}"/>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04CB8138-9A85-A5CF-79B3-8C868E08D851}"/>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1C009801-2E26-D7AA-18C3-63CFC55DCC74}"/>
              </a:ext>
            </a:extLst>
          </p:cNvPr>
          <p:cNvSpPr>
            <a:spLocks noGrp="1"/>
          </p:cNvSpPr>
          <p:nvPr>
            <p:ph type="sldNum" sz="quarter" idx="5"/>
          </p:nvPr>
        </p:nvSpPr>
        <p:spPr/>
        <p:txBody>
          <a:bodyPr/>
          <a:lstStyle/>
          <a:p>
            <a:fld id="{60EBEE18-19DE-4150-B442-A58071667994}" type="slidenum">
              <a:rPr lang="en-IN" smtClean="0"/>
              <a:t>10</a:t>
            </a:fld>
            <a:endParaRPr lang="en-IN"/>
          </a:p>
        </p:txBody>
      </p:sp>
    </p:spTree>
    <p:extLst>
      <p:ext uri="{BB962C8B-B14F-4D97-AF65-F5344CB8AC3E}">
        <p14:creationId xmlns:p14="http://schemas.microsoft.com/office/powerpoint/2010/main" val="299100256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3C09B34-BF23-43C2-7D50-B3DD922981D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96F3E92D-EA36-C828-A8C4-F541B908B0B4}"/>
              </a:ext>
            </a:extLst>
          </p:cNvPr>
          <p:cNvSpPr>
            <a:spLocks noGrp="1" noRot="1" noChangeAspect="1"/>
          </p:cNvSpPr>
          <p:nvPr>
            <p:ph type="sldImg"/>
          </p:nvPr>
        </p:nvSpPr>
        <p:spPr/>
        <p:txBody>
          <a:bodyPr/>
          <a:lstStyle/>
          <a:p>
            <a:endParaRPr lang="en-US"/>
          </a:p>
        </p:txBody>
      </p:sp>
      <p:sp>
        <p:nvSpPr>
          <p:cNvPr id="3" name="Notes Placeholder 2">
            <a:extLst>
              <a:ext uri="{FF2B5EF4-FFF2-40B4-BE49-F238E27FC236}">
                <a16:creationId xmlns:a16="http://schemas.microsoft.com/office/drawing/2014/main" id="{3408F973-0058-E69A-CF8D-014ED3E905FE}"/>
              </a:ext>
            </a:extLst>
          </p:cNvPr>
          <p:cNvSpPr>
            <a:spLocks noGrp="1"/>
          </p:cNvSpPr>
          <p:nvPr>
            <p:ph type="body" idx="1"/>
          </p:nvPr>
        </p:nvSpPr>
        <p:spPr/>
        <p:txBody>
          <a:bodyPr/>
          <a:lstStyle/>
          <a:p>
            <a:endParaRPr lang="en-IN"/>
          </a:p>
        </p:txBody>
      </p:sp>
      <p:sp>
        <p:nvSpPr>
          <p:cNvPr id="4" name="Slide Number Placeholder 3">
            <a:extLst>
              <a:ext uri="{FF2B5EF4-FFF2-40B4-BE49-F238E27FC236}">
                <a16:creationId xmlns:a16="http://schemas.microsoft.com/office/drawing/2014/main" id="{AE28F864-6D23-DDDE-4B53-5C31779E48DE}"/>
              </a:ext>
            </a:extLst>
          </p:cNvPr>
          <p:cNvSpPr>
            <a:spLocks noGrp="1"/>
          </p:cNvSpPr>
          <p:nvPr>
            <p:ph type="sldNum" sz="quarter" idx="5"/>
          </p:nvPr>
        </p:nvSpPr>
        <p:spPr/>
        <p:txBody>
          <a:bodyPr/>
          <a:lstStyle/>
          <a:p>
            <a:fld id="{60EBEE18-19DE-4150-B442-A58071667994}" type="slidenum">
              <a:rPr lang="en-IN" smtClean="0"/>
              <a:t>11</a:t>
            </a:fld>
            <a:endParaRPr lang="en-IN"/>
          </a:p>
        </p:txBody>
      </p:sp>
    </p:spTree>
    <p:extLst>
      <p:ext uri="{BB962C8B-B14F-4D97-AF65-F5344CB8AC3E}">
        <p14:creationId xmlns:p14="http://schemas.microsoft.com/office/powerpoint/2010/main" val="739388104"/>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4.jpe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7.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image" Target="../media/image8.jpe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0.jpe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5.jpe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5.jpe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bg>
      <p:bgPr>
        <a:solidFill>
          <a:schemeClr val="tx1"/>
        </a:solidFill>
        <a:effectLst/>
      </p:bgPr>
    </p:bg>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163C36E9-B710-7F27-AF8C-0ECE911F2C4A}"/>
              </a:ext>
            </a:extLst>
          </p:cNvPr>
          <p:cNvPicPr>
            <a:picLocks noChangeAspect="1"/>
          </p:cNvPicPr>
          <p:nvPr userDrawn="1"/>
        </p:nvPicPr>
        <p:blipFill>
          <a:blip r:embed="rId2">
            <a:alphaModFix/>
            <a:extLst>
              <a:ext uri="{28A0092B-C50C-407E-A947-70E740481C1C}">
                <a14:useLocalDpi xmlns:a14="http://schemas.microsoft.com/office/drawing/2010/main" val="0"/>
              </a:ext>
            </a:extLst>
          </a:blip>
          <a:srcRect l="-13581" r="16465"/>
          <a:stretch>
            <a:fillRect/>
          </a:stretch>
        </p:blipFill>
        <p:spPr>
          <a:xfrm>
            <a:off x="0" y="0"/>
            <a:ext cx="12192000" cy="6858000"/>
          </a:xfrm>
          <a:prstGeom prst="rect">
            <a:avLst/>
          </a:prstGeom>
        </p:spPr>
      </p:pic>
      <p:sp>
        <p:nvSpPr>
          <p:cNvPr id="4" name="Rectangle 3">
            <a:extLst>
              <a:ext uri="{FF2B5EF4-FFF2-40B4-BE49-F238E27FC236}">
                <a16:creationId xmlns:a16="http://schemas.microsoft.com/office/drawing/2014/main" id="{61ABB46E-0638-9CC3-4417-C1A19295CEEC}"/>
              </a:ext>
            </a:extLst>
          </p:cNvPr>
          <p:cNvSpPr/>
          <p:nvPr userDrawn="1"/>
        </p:nvSpPr>
        <p:spPr>
          <a:xfrm>
            <a:off x="1656332" y="-1"/>
            <a:ext cx="2597150" cy="6857999"/>
          </a:xfrm>
          <a:prstGeom prst="rect">
            <a:avLst/>
          </a:prstGeom>
          <a:gradFill flip="none" rotWithShape="1">
            <a:gsLst>
              <a:gs pos="0">
                <a:schemeClr val="tx1"/>
              </a:gs>
              <a:gs pos="100000">
                <a:schemeClr val="tx1">
                  <a:alpha val="0"/>
                </a:schemeClr>
              </a:gs>
            </a:gsLst>
            <a:lin ang="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8" name="Rectangle 7">
            <a:extLst>
              <a:ext uri="{FF2B5EF4-FFF2-40B4-BE49-F238E27FC236}">
                <a16:creationId xmlns:a16="http://schemas.microsoft.com/office/drawing/2014/main" id="{89B2B530-0A63-6A32-4F27-6E376908B0F9}"/>
              </a:ext>
            </a:extLst>
          </p:cNvPr>
          <p:cNvSpPr/>
          <p:nvPr userDrawn="1"/>
        </p:nvSpPr>
        <p:spPr>
          <a:xfrm flipH="1">
            <a:off x="0" y="523874"/>
            <a:ext cx="11756229" cy="5924551"/>
          </a:xfrm>
          <a:prstGeom prst="rect">
            <a:avLst/>
          </a:prstGeom>
          <a:gradFill flip="none" rotWithShape="1">
            <a:gsLst>
              <a:gs pos="0">
                <a:srgbClr val="68058D">
                  <a:alpha val="49000"/>
                </a:srgbClr>
              </a:gs>
              <a:gs pos="50000">
                <a:srgbClr val="8202CA">
                  <a:alpha val="88000"/>
                </a:srgbClr>
              </a:gs>
              <a:gs pos="100000">
                <a:srgbClr val="5C00C5">
                  <a:alpha val="91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cxnSp>
        <p:nvCxnSpPr>
          <p:cNvPr id="9" name="Straight Connector 8">
            <a:extLst>
              <a:ext uri="{FF2B5EF4-FFF2-40B4-BE49-F238E27FC236}">
                <a16:creationId xmlns:a16="http://schemas.microsoft.com/office/drawing/2014/main" id="{3AAE0C2B-9F17-C0D2-48E6-8C8CC3E3C9FA}"/>
              </a:ext>
            </a:extLst>
          </p:cNvPr>
          <p:cNvCxnSpPr>
            <a:cxnSpLocks/>
          </p:cNvCxnSpPr>
          <p:nvPr userDrawn="1"/>
        </p:nvCxnSpPr>
        <p:spPr>
          <a:xfrm>
            <a:off x="1181100" y="5748073"/>
            <a:ext cx="11010900" cy="0"/>
          </a:xfrm>
          <a:prstGeom prst="line">
            <a:avLst/>
          </a:prstGeom>
          <a:ln w="28575">
            <a:solidFill>
              <a:schemeClr val="bg1"/>
            </a:solidFill>
          </a:ln>
        </p:spPr>
        <p:style>
          <a:lnRef idx="1">
            <a:schemeClr val="accent1"/>
          </a:lnRef>
          <a:fillRef idx="0">
            <a:schemeClr val="accent1"/>
          </a:fillRef>
          <a:effectRef idx="0">
            <a:schemeClr val="accent1"/>
          </a:effectRef>
          <a:fontRef idx="minor">
            <a:schemeClr val="tx1"/>
          </a:fontRef>
        </p:style>
      </p:cxnSp>
      <p:sp>
        <p:nvSpPr>
          <p:cNvPr id="2" name="Title 1">
            <a:extLst>
              <a:ext uri="{FF2B5EF4-FFF2-40B4-BE49-F238E27FC236}">
                <a16:creationId xmlns:a16="http://schemas.microsoft.com/office/drawing/2014/main" id="{4770C7D5-2E50-DC11-1645-F2C43F3F4C51}"/>
              </a:ext>
            </a:extLst>
          </p:cNvPr>
          <p:cNvSpPr>
            <a:spLocks noGrp="1"/>
          </p:cNvSpPr>
          <p:nvPr>
            <p:ph type="ctrTitle"/>
          </p:nvPr>
        </p:nvSpPr>
        <p:spPr>
          <a:xfrm>
            <a:off x="985520" y="1524000"/>
            <a:ext cx="5638800" cy="3814497"/>
          </a:xfrm>
        </p:spPr>
        <p:txBody>
          <a:bodyPr anchor="t">
            <a:normAutofit/>
          </a:bodyPr>
          <a:lstStyle>
            <a:lvl1pPr algn="l">
              <a:defRPr sz="5400">
                <a:solidFill>
                  <a:srgbClr val="00B0F0"/>
                </a:solidFill>
                <a:latin typeface="Roboto SemiBold" panose="02000000000000000000" pitchFamily="2" charset="0"/>
              </a:defRPr>
            </a:lvl1pPr>
          </a:lstStyle>
          <a:p>
            <a:r>
              <a:rPr lang="en-US" dirty="0"/>
              <a:t>Click to edit Master title style</a:t>
            </a:r>
            <a:endParaRPr lang="en-IN" dirty="0"/>
          </a:p>
        </p:txBody>
      </p:sp>
      <p:sp>
        <p:nvSpPr>
          <p:cNvPr id="3" name="Subtitle 2">
            <a:extLst>
              <a:ext uri="{FF2B5EF4-FFF2-40B4-BE49-F238E27FC236}">
                <a16:creationId xmlns:a16="http://schemas.microsoft.com/office/drawing/2014/main" id="{9C349BD9-C38D-6746-FC22-D124C9664CAE}"/>
              </a:ext>
            </a:extLst>
          </p:cNvPr>
          <p:cNvSpPr>
            <a:spLocks noGrp="1"/>
          </p:cNvSpPr>
          <p:nvPr>
            <p:ph type="subTitle" idx="1"/>
          </p:nvPr>
        </p:nvSpPr>
        <p:spPr>
          <a:xfrm>
            <a:off x="5904069" y="5865480"/>
            <a:ext cx="5740400" cy="440825"/>
          </a:xfrm>
        </p:spPr>
        <p:txBody>
          <a:bodyPr>
            <a:normAutofit/>
          </a:bodyPr>
          <a:lstStyle>
            <a:lvl1pPr marL="0" indent="0" algn="r">
              <a:buNone/>
              <a:defRPr sz="1400">
                <a:solidFill>
                  <a:schemeClr val="bg1"/>
                </a:solidFill>
                <a:latin typeface="Roboto SemiBold" panose="02000000000000000000" pitchFamily="2" charset="0"/>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a:t>Click to edit Master subtitle style</a:t>
            </a:r>
            <a:endParaRPr lang="en-IN" dirty="0"/>
          </a:p>
        </p:txBody>
      </p:sp>
      <p:pic>
        <p:nvPicPr>
          <p:cNvPr id="10" name="Picture 9" descr="A picture containing text, clipart&#10;&#10;Description automatically generated">
            <a:extLst>
              <a:ext uri="{FF2B5EF4-FFF2-40B4-BE49-F238E27FC236}">
                <a16:creationId xmlns:a16="http://schemas.microsoft.com/office/drawing/2014/main" id="{F930207F-0D30-8BB0-3CD1-795C2077362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639911" y="702900"/>
            <a:ext cx="965954" cy="289786"/>
          </a:xfrm>
          <a:prstGeom prst="rect">
            <a:avLst/>
          </a:prstGeom>
        </p:spPr>
      </p:pic>
    </p:spTree>
    <p:extLst>
      <p:ext uri="{BB962C8B-B14F-4D97-AF65-F5344CB8AC3E}">
        <p14:creationId xmlns:p14="http://schemas.microsoft.com/office/powerpoint/2010/main" val="3590231401"/>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type="titleOnly" preserve="1">
  <p:cSld name="4_Title Only">
    <p:spTree>
      <p:nvGrpSpPr>
        <p:cNvPr id="1" name=""/>
        <p:cNvGrpSpPr/>
        <p:nvPr/>
      </p:nvGrpSpPr>
      <p:grpSpPr>
        <a:xfrm>
          <a:off x="0" y="0"/>
          <a:ext cx="0" cy="0"/>
          <a:chOff x="0" y="0"/>
          <a:chExt cx="0" cy="0"/>
        </a:xfrm>
      </p:grpSpPr>
      <p:pic>
        <p:nvPicPr>
          <p:cNvPr id="5" name="Picture 4" descr="Abstract image of a motion blur effect">
            <a:extLst>
              <a:ext uri="{FF2B5EF4-FFF2-40B4-BE49-F238E27FC236}">
                <a16:creationId xmlns:a16="http://schemas.microsoft.com/office/drawing/2014/main" id="{B977D346-DCC2-1C2E-5A64-FDB09BCB114A}"/>
              </a:ext>
            </a:extLst>
          </p:cNvPr>
          <p:cNvPicPr>
            <a:picLocks noChangeAspect="1"/>
          </p:cNvPicPr>
          <p:nvPr userDrawn="1"/>
        </p:nvPicPr>
        <p:blipFill rotWithShape="1">
          <a:blip r:embed="rId2">
            <a:extLst>
              <a:ext uri="{BEBA8EAE-BF5A-486C-A8C5-ECC9F3942E4B}">
                <a14:imgProps xmlns:a14="http://schemas.microsoft.com/office/drawing/2010/main">
                  <a14:imgLayer r:embed="rId3">
                    <a14:imgEffect>
                      <a14:saturation sat="200000"/>
                    </a14:imgEffect>
                  </a14:imgLayer>
                </a14:imgProps>
              </a:ext>
              <a:ext uri="{28A0092B-C50C-407E-A947-70E740481C1C}">
                <a14:useLocalDpi xmlns:a14="http://schemas.microsoft.com/office/drawing/2010/main" val="0"/>
              </a:ext>
            </a:extLst>
          </a:blip>
          <a:srcRect t="8677" b="9646"/>
          <a:stretch/>
        </p:blipFill>
        <p:spPr>
          <a:xfrm>
            <a:off x="0" y="0"/>
            <a:ext cx="12192000" cy="6858000"/>
          </a:xfrm>
          <a:prstGeom prst="rect">
            <a:avLst/>
          </a:prstGeom>
        </p:spPr>
      </p:pic>
      <p:sp>
        <p:nvSpPr>
          <p:cNvPr id="6" name="Rectangle 5">
            <a:extLst>
              <a:ext uri="{FF2B5EF4-FFF2-40B4-BE49-F238E27FC236}">
                <a16:creationId xmlns:a16="http://schemas.microsoft.com/office/drawing/2014/main" id="{D49AAA7A-AC46-2A2F-6705-6E396896C916}"/>
              </a:ext>
            </a:extLst>
          </p:cNvPr>
          <p:cNvSpPr/>
          <p:nvPr userDrawn="1"/>
        </p:nvSpPr>
        <p:spPr>
          <a:xfrm flipH="1">
            <a:off x="-4" y="0"/>
            <a:ext cx="12191999" cy="6858000"/>
          </a:xfrm>
          <a:prstGeom prst="rect">
            <a:avLst/>
          </a:prstGeom>
          <a:gradFill flip="none" rotWithShape="1">
            <a:gsLst>
              <a:gs pos="0">
                <a:srgbClr val="68058D">
                  <a:alpha val="49000"/>
                </a:srgbClr>
              </a:gs>
              <a:gs pos="50000">
                <a:srgbClr val="8202CA">
                  <a:alpha val="88000"/>
                </a:srgbClr>
              </a:gs>
              <a:gs pos="100000">
                <a:srgbClr val="5C00C5">
                  <a:alpha val="91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2" name="Title 1">
            <a:extLst>
              <a:ext uri="{FF2B5EF4-FFF2-40B4-BE49-F238E27FC236}">
                <a16:creationId xmlns:a16="http://schemas.microsoft.com/office/drawing/2014/main" id="{D7E05EF4-BB1E-450D-95D4-5925C61A9753}"/>
              </a:ext>
            </a:extLst>
          </p:cNvPr>
          <p:cNvSpPr>
            <a:spLocks noGrp="1"/>
          </p:cNvSpPr>
          <p:nvPr>
            <p:ph type="title"/>
          </p:nvPr>
        </p:nvSpPr>
        <p:spPr>
          <a:xfrm>
            <a:off x="415682" y="349291"/>
            <a:ext cx="5054600" cy="713529"/>
          </a:xfrm>
        </p:spPr>
        <p:txBody>
          <a:bodyPr>
            <a:normAutofit/>
          </a:bodyPr>
          <a:lstStyle>
            <a:lvl1pPr>
              <a:defRPr sz="2700" b="0">
                <a:solidFill>
                  <a:schemeClr val="bg1"/>
                </a:solidFill>
                <a:latin typeface="Roboto SemiBold" panose="02000000000000000000" pitchFamily="2" charset="0"/>
              </a:defRPr>
            </a:lvl1pPr>
          </a:lstStyle>
          <a:p>
            <a:r>
              <a:rPr lang="en-US" dirty="0"/>
              <a:t>Click to edit Master title style</a:t>
            </a:r>
            <a:endParaRPr lang="en-IN" dirty="0"/>
          </a:p>
        </p:txBody>
      </p:sp>
      <p:pic>
        <p:nvPicPr>
          <p:cNvPr id="18" name="Picture 17" descr="A picture containing text, clipart&#10;&#10;Description automatically generated">
            <a:extLst>
              <a:ext uri="{FF2B5EF4-FFF2-40B4-BE49-F238E27FC236}">
                <a16:creationId xmlns:a16="http://schemas.microsoft.com/office/drawing/2014/main" id="{210B7C6B-B24B-CA37-EE3B-4F0FF4550EE6}"/>
              </a:ext>
            </a:extLst>
          </p:cNvPr>
          <p:cNvPicPr>
            <a:picLocks noChangeAspect="1"/>
          </p:cNvPicPr>
          <p:nvPr userDrawn="1"/>
        </p:nvPicPr>
        <p:blipFill>
          <a:blip r:embed="rId4">
            <a:extLst>
              <a:ext uri="{28A0092B-C50C-407E-A947-70E740481C1C}">
                <a14:useLocalDpi xmlns:a14="http://schemas.microsoft.com/office/drawing/2010/main" val="0"/>
              </a:ext>
            </a:extLst>
          </a:blip>
          <a:stretch>
            <a:fillRect/>
          </a:stretch>
        </p:blipFill>
        <p:spPr>
          <a:xfrm>
            <a:off x="11187671" y="6511212"/>
            <a:ext cx="878140" cy="263442"/>
          </a:xfrm>
          <a:prstGeom prst="rect">
            <a:avLst/>
          </a:prstGeom>
        </p:spPr>
      </p:pic>
      <p:cxnSp>
        <p:nvCxnSpPr>
          <p:cNvPr id="19" name="Straight Connector 18">
            <a:extLst>
              <a:ext uri="{FF2B5EF4-FFF2-40B4-BE49-F238E27FC236}">
                <a16:creationId xmlns:a16="http://schemas.microsoft.com/office/drawing/2014/main" id="{1DAB3351-602A-F8DB-109F-6A3C66679FA8}"/>
              </a:ext>
            </a:extLst>
          </p:cNvPr>
          <p:cNvCxnSpPr>
            <a:cxnSpLocks/>
          </p:cNvCxnSpPr>
          <p:nvPr userDrawn="1"/>
        </p:nvCxnSpPr>
        <p:spPr>
          <a:xfrm>
            <a:off x="528219" y="6437133"/>
            <a:ext cx="11663781" cy="0"/>
          </a:xfrm>
          <a:prstGeom prst="line">
            <a:avLst/>
          </a:prstGeom>
          <a:ln w="12700">
            <a:solidFill>
              <a:schemeClr val="bg1">
                <a:alpha val="50000"/>
              </a:schemeClr>
            </a:solidFill>
          </a:ln>
        </p:spPr>
        <p:style>
          <a:lnRef idx="1">
            <a:schemeClr val="accent1"/>
          </a:lnRef>
          <a:fillRef idx="0">
            <a:schemeClr val="accent1"/>
          </a:fillRef>
          <a:effectRef idx="0">
            <a:schemeClr val="accent1"/>
          </a:effectRef>
          <a:fontRef idx="minor">
            <a:schemeClr val="tx1"/>
          </a:fontRef>
        </p:style>
      </p:cxnSp>
      <p:sp>
        <p:nvSpPr>
          <p:cNvPr id="3" name="Slide Number Placeholder 4">
            <a:extLst>
              <a:ext uri="{FF2B5EF4-FFF2-40B4-BE49-F238E27FC236}">
                <a16:creationId xmlns:a16="http://schemas.microsoft.com/office/drawing/2014/main" id="{8712B98C-5874-2E4D-50E1-1B9802BFA204}"/>
              </a:ext>
            </a:extLst>
          </p:cNvPr>
          <p:cNvSpPr txBox="1">
            <a:spLocks/>
          </p:cNvSpPr>
          <p:nvPr userDrawn="1"/>
        </p:nvSpPr>
        <p:spPr>
          <a:xfrm>
            <a:off x="427142" y="6485429"/>
            <a:ext cx="370690" cy="249385"/>
          </a:xfrm>
          <a:prstGeom prst="rect">
            <a:avLst/>
          </a:prstGeom>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1DC30E3D-CB90-45E3-93AB-B8BA813A968A}" type="slidenum">
              <a:rPr lang="en-IN" sz="1200" smtClean="0">
                <a:solidFill>
                  <a:srgbClr val="DCCBED"/>
                </a:solidFill>
                <a:latin typeface="Roboto SemiBold" panose="02000000000000000000" pitchFamily="2" charset="0"/>
              </a:rPr>
              <a:pPr/>
              <a:t>‹#›</a:t>
            </a:fld>
            <a:endParaRPr lang="en-IN" sz="1200" dirty="0">
              <a:solidFill>
                <a:srgbClr val="DCCBED"/>
              </a:solidFill>
              <a:latin typeface="Roboto SemiBold" panose="02000000000000000000" pitchFamily="2" charset="0"/>
            </a:endParaRPr>
          </a:p>
        </p:txBody>
      </p:sp>
    </p:spTree>
    <p:extLst>
      <p:ext uri="{BB962C8B-B14F-4D97-AF65-F5344CB8AC3E}">
        <p14:creationId xmlns:p14="http://schemas.microsoft.com/office/powerpoint/2010/main" val="1854410894"/>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type="titleOnly" preserve="1">
  <p:cSld name="2_Title Only">
    <p:spTree>
      <p:nvGrpSpPr>
        <p:cNvPr id="1" name=""/>
        <p:cNvGrpSpPr/>
        <p:nvPr/>
      </p:nvGrpSpPr>
      <p:grpSpPr>
        <a:xfrm>
          <a:off x="0" y="0"/>
          <a:ext cx="0" cy="0"/>
          <a:chOff x="0" y="0"/>
          <a:chExt cx="0" cy="0"/>
        </a:xfrm>
      </p:grpSpPr>
      <p:pic>
        <p:nvPicPr>
          <p:cNvPr id="3" name="Picture 2" descr="Blurred subway station with colored light trails">
            <a:extLst>
              <a:ext uri="{FF2B5EF4-FFF2-40B4-BE49-F238E27FC236}">
                <a16:creationId xmlns:a16="http://schemas.microsoft.com/office/drawing/2014/main" id="{113E3029-3723-E1E8-C219-63A58FF6A2E7}"/>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t="15694"/>
          <a:stretch/>
        </p:blipFill>
        <p:spPr>
          <a:xfrm>
            <a:off x="0" y="0"/>
            <a:ext cx="12200844" cy="6858000"/>
          </a:xfrm>
          <a:prstGeom prst="rect">
            <a:avLst/>
          </a:prstGeom>
        </p:spPr>
      </p:pic>
      <p:pic>
        <p:nvPicPr>
          <p:cNvPr id="8" name="Picture 7">
            <a:extLst>
              <a:ext uri="{FF2B5EF4-FFF2-40B4-BE49-F238E27FC236}">
                <a16:creationId xmlns:a16="http://schemas.microsoft.com/office/drawing/2014/main" id="{C092BDA9-3460-A7C5-1E0A-6A2B797D0792}"/>
              </a:ext>
            </a:extLst>
          </p:cNvPr>
          <p:cNvPicPr>
            <a:picLocks noChangeAspect="1"/>
          </p:cNvPicPr>
          <p:nvPr userDrawn="1"/>
        </p:nvPicPr>
        <p:blipFill>
          <a:blip r:embed="rId3">
            <a:extLst>
              <a:ext uri="{28A0092B-C50C-407E-A947-70E740481C1C}">
                <a14:useLocalDpi xmlns:a14="http://schemas.microsoft.com/office/drawing/2010/main" val="0"/>
              </a:ext>
            </a:extLst>
          </a:blip>
          <a:srcRect l="16614" r="19386"/>
          <a:stretch>
            <a:fillRect/>
          </a:stretch>
        </p:blipFill>
        <p:spPr>
          <a:xfrm>
            <a:off x="0" y="-2"/>
            <a:ext cx="12192000" cy="6858002"/>
          </a:xfrm>
          <a:prstGeom prst="rect">
            <a:avLst/>
          </a:prstGeom>
        </p:spPr>
      </p:pic>
      <p:sp>
        <p:nvSpPr>
          <p:cNvPr id="4" name="Rectangle 3">
            <a:extLst>
              <a:ext uri="{FF2B5EF4-FFF2-40B4-BE49-F238E27FC236}">
                <a16:creationId xmlns:a16="http://schemas.microsoft.com/office/drawing/2014/main" id="{5C3117DF-9589-26B6-8422-748FF12CD319}"/>
              </a:ext>
            </a:extLst>
          </p:cNvPr>
          <p:cNvSpPr/>
          <p:nvPr userDrawn="1"/>
        </p:nvSpPr>
        <p:spPr>
          <a:xfrm rot="10800000" flipH="1">
            <a:off x="0" y="-2"/>
            <a:ext cx="12200845" cy="6858000"/>
          </a:xfrm>
          <a:prstGeom prst="rect">
            <a:avLst/>
          </a:prstGeom>
          <a:gradFill flip="none" rotWithShape="1">
            <a:gsLst>
              <a:gs pos="98600">
                <a:srgbClr val="5D00C5">
                  <a:alpha val="51000"/>
                </a:srgbClr>
              </a:gs>
              <a:gs pos="0">
                <a:srgbClr val="68058D">
                  <a:alpha val="28000"/>
                </a:srgbClr>
              </a:gs>
              <a:gs pos="50000">
                <a:srgbClr val="8202CA">
                  <a:alpha val="65000"/>
                </a:srgbClr>
              </a:gs>
              <a:gs pos="100000">
                <a:srgbClr val="5C00C5">
                  <a:alpha val="51000"/>
                </a:srgbClr>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pic>
        <p:nvPicPr>
          <p:cNvPr id="5" name="Picture 4" descr="A picture containing text, clipart&#10;&#10;Description automatically generated">
            <a:extLst>
              <a:ext uri="{FF2B5EF4-FFF2-40B4-BE49-F238E27FC236}">
                <a16:creationId xmlns:a16="http://schemas.microsoft.com/office/drawing/2014/main" id="{9751449D-BF6D-150F-4FE0-003B2E91D3D5}"/>
              </a:ext>
            </a:extLst>
          </p:cNvPr>
          <p:cNvPicPr>
            <a:picLocks noChangeAspect="1"/>
          </p:cNvPicPr>
          <p:nvPr userDrawn="1"/>
        </p:nvPicPr>
        <p:blipFill>
          <a:blip r:embed="rId4">
            <a:extLst>
              <a:ext uri="{28A0092B-C50C-407E-A947-70E740481C1C}">
                <a14:useLocalDpi xmlns:a14="http://schemas.microsoft.com/office/drawing/2010/main" val="0"/>
              </a:ext>
            </a:extLst>
          </a:blip>
          <a:stretch>
            <a:fillRect/>
          </a:stretch>
        </p:blipFill>
        <p:spPr>
          <a:xfrm>
            <a:off x="11187671" y="6511212"/>
            <a:ext cx="878140" cy="263442"/>
          </a:xfrm>
          <a:prstGeom prst="rect">
            <a:avLst/>
          </a:prstGeom>
        </p:spPr>
      </p:pic>
      <p:cxnSp>
        <p:nvCxnSpPr>
          <p:cNvPr id="18" name="Straight Connector 17">
            <a:extLst>
              <a:ext uri="{FF2B5EF4-FFF2-40B4-BE49-F238E27FC236}">
                <a16:creationId xmlns:a16="http://schemas.microsoft.com/office/drawing/2014/main" id="{58B7529A-3D23-08A4-9579-9B964B18AD40}"/>
              </a:ext>
            </a:extLst>
          </p:cNvPr>
          <p:cNvCxnSpPr>
            <a:cxnSpLocks/>
          </p:cNvCxnSpPr>
          <p:nvPr userDrawn="1"/>
        </p:nvCxnSpPr>
        <p:spPr>
          <a:xfrm>
            <a:off x="528219" y="6437133"/>
            <a:ext cx="11663781" cy="0"/>
          </a:xfrm>
          <a:prstGeom prst="line">
            <a:avLst/>
          </a:prstGeom>
          <a:ln w="12700">
            <a:solidFill>
              <a:schemeClr val="bg1">
                <a:alpha val="50000"/>
              </a:schemeClr>
            </a:solidFill>
          </a:ln>
        </p:spPr>
        <p:style>
          <a:lnRef idx="1">
            <a:schemeClr val="accent1"/>
          </a:lnRef>
          <a:fillRef idx="0">
            <a:schemeClr val="accent1"/>
          </a:fillRef>
          <a:effectRef idx="0">
            <a:schemeClr val="accent1"/>
          </a:effectRef>
          <a:fontRef idx="minor">
            <a:schemeClr val="tx1"/>
          </a:fontRef>
        </p:style>
      </p:cxnSp>
      <p:sp>
        <p:nvSpPr>
          <p:cNvPr id="2" name="Title 1">
            <a:extLst>
              <a:ext uri="{FF2B5EF4-FFF2-40B4-BE49-F238E27FC236}">
                <a16:creationId xmlns:a16="http://schemas.microsoft.com/office/drawing/2014/main" id="{D7E05EF4-BB1E-450D-95D4-5925C61A9753}"/>
              </a:ext>
            </a:extLst>
          </p:cNvPr>
          <p:cNvSpPr>
            <a:spLocks noGrp="1"/>
          </p:cNvSpPr>
          <p:nvPr>
            <p:ph type="title"/>
          </p:nvPr>
        </p:nvSpPr>
        <p:spPr>
          <a:xfrm>
            <a:off x="3573122" y="2892282"/>
            <a:ext cx="5054600" cy="713529"/>
          </a:xfrm>
        </p:spPr>
        <p:txBody>
          <a:bodyPr>
            <a:normAutofit/>
          </a:bodyPr>
          <a:lstStyle>
            <a:lvl1pPr algn="ctr">
              <a:defRPr sz="2700" b="0">
                <a:solidFill>
                  <a:schemeClr val="bg1"/>
                </a:solidFill>
                <a:latin typeface="Roboto SemiBold" panose="02000000000000000000" pitchFamily="2" charset="0"/>
              </a:defRPr>
            </a:lvl1pPr>
          </a:lstStyle>
          <a:p>
            <a:r>
              <a:rPr lang="en-US" dirty="0"/>
              <a:t>Click to edit Master title style</a:t>
            </a:r>
            <a:endParaRPr lang="en-IN" dirty="0"/>
          </a:p>
        </p:txBody>
      </p:sp>
      <p:sp>
        <p:nvSpPr>
          <p:cNvPr id="6" name="Slide Number Placeholder 4">
            <a:extLst>
              <a:ext uri="{FF2B5EF4-FFF2-40B4-BE49-F238E27FC236}">
                <a16:creationId xmlns:a16="http://schemas.microsoft.com/office/drawing/2014/main" id="{040C93E1-3F4F-09AD-3431-9C0742313A5B}"/>
              </a:ext>
            </a:extLst>
          </p:cNvPr>
          <p:cNvSpPr txBox="1">
            <a:spLocks/>
          </p:cNvSpPr>
          <p:nvPr userDrawn="1"/>
        </p:nvSpPr>
        <p:spPr>
          <a:xfrm>
            <a:off x="427142" y="6485429"/>
            <a:ext cx="370690" cy="249385"/>
          </a:xfrm>
          <a:prstGeom prst="rect">
            <a:avLst/>
          </a:prstGeom>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1DC30E3D-CB90-45E3-93AB-B8BA813A968A}" type="slidenum">
              <a:rPr lang="en-IN" sz="1200" smtClean="0">
                <a:solidFill>
                  <a:srgbClr val="DCCBED"/>
                </a:solidFill>
                <a:latin typeface="Roboto SemiBold" panose="02000000000000000000" pitchFamily="2" charset="0"/>
              </a:rPr>
              <a:pPr/>
              <a:t>‹#›</a:t>
            </a:fld>
            <a:endParaRPr lang="en-IN" sz="1200" dirty="0">
              <a:solidFill>
                <a:srgbClr val="DCCBED"/>
              </a:solidFill>
              <a:latin typeface="Roboto SemiBold" panose="02000000000000000000" pitchFamily="2" charset="0"/>
            </a:endParaRPr>
          </a:p>
        </p:txBody>
      </p:sp>
    </p:spTree>
    <p:extLst>
      <p:ext uri="{BB962C8B-B14F-4D97-AF65-F5344CB8AC3E}">
        <p14:creationId xmlns:p14="http://schemas.microsoft.com/office/powerpoint/2010/main" val="1755379306"/>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2.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781178635"/>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2_Title and Content">
    <p:spTree>
      <p:nvGrpSpPr>
        <p:cNvPr id="1" name=""/>
        <p:cNvGrpSpPr/>
        <p:nvPr/>
      </p:nvGrpSpPr>
      <p:grpSpPr>
        <a:xfrm>
          <a:off x="0" y="0"/>
          <a:ext cx="0" cy="0"/>
          <a:chOff x="0" y="0"/>
          <a:chExt cx="0" cy="0"/>
        </a:xfrm>
      </p:grpSpPr>
      <p:sp>
        <p:nvSpPr>
          <p:cNvPr id="623" name="Rectangle: Rounded Corners 622">
            <a:extLst>
              <a:ext uri="{FF2B5EF4-FFF2-40B4-BE49-F238E27FC236}">
                <a16:creationId xmlns:a16="http://schemas.microsoft.com/office/drawing/2014/main" id="{9B230CF6-D6B4-DB42-319F-4D257FB71618}"/>
              </a:ext>
            </a:extLst>
          </p:cNvPr>
          <p:cNvSpPr/>
          <p:nvPr userDrawn="1"/>
        </p:nvSpPr>
        <p:spPr>
          <a:xfrm>
            <a:off x="62513" y="66951"/>
            <a:ext cx="12066975" cy="6724099"/>
          </a:xfrm>
          <a:prstGeom prst="roundRect">
            <a:avLst>
              <a:gd name="adj" fmla="val 0"/>
            </a:avLst>
          </a:prstGeom>
          <a:solidFill>
            <a:srgbClr val="EDECF6"/>
          </a:solidFill>
          <a:ln w="34925">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pic>
        <p:nvPicPr>
          <p:cNvPr id="621" name="Picture 620">
            <a:extLst>
              <a:ext uri="{FF2B5EF4-FFF2-40B4-BE49-F238E27FC236}">
                <a16:creationId xmlns:a16="http://schemas.microsoft.com/office/drawing/2014/main" id="{42C76AD7-3579-2520-6EA3-84C036ACAF4F}"/>
              </a:ext>
            </a:extLst>
          </p:cNvPr>
          <p:cNvPicPr>
            <a:picLocks noChangeAspect="1"/>
          </p:cNvPicPr>
          <p:nvPr userDrawn="1"/>
        </p:nvPicPr>
        <p:blipFill>
          <a:blip r:embed="rId2" cstate="screen">
            <a:alphaModFix amt="35000"/>
            <a:extLst>
              <a:ext uri="{28A0092B-C50C-407E-A947-70E740481C1C}">
                <a14:useLocalDpi xmlns:a14="http://schemas.microsoft.com/office/drawing/2010/main"/>
              </a:ext>
            </a:extLst>
          </a:blip>
          <a:srcRect/>
          <a:stretch>
            <a:fillRect/>
          </a:stretch>
        </p:blipFill>
        <p:spPr>
          <a:xfrm>
            <a:off x="72699" y="66950"/>
            <a:ext cx="12056788" cy="6724099"/>
          </a:xfrm>
          <a:prstGeom prst="rect">
            <a:avLst/>
          </a:prstGeom>
        </p:spPr>
      </p:pic>
      <p:grpSp>
        <p:nvGrpSpPr>
          <p:cNvPr id="626" name="Graphic 58">
            <a:extLst>
              <a:ext uri="{FF2B5EF4-FFF2-40B4-BE49-F238E27FC236}">
                <a16:creationId xmlns:a16="http://schemas.microsoft.com/office/drawing/2014/main" id="{546E27F0-A5E2-52F2-5850-BDF5CDE1FA2D}"/>
              </a:ext>
            </a:extLst>
          </p:cNvPr>
          <p:cNvGrpSpPr/>
          <p:nvPr userDrawn="1"/>
        </p:nvGrpSpPr>
        <p:grpSpPr>
          <a:xfrm>
            <a:off x="1353945" y="547992"/>
            <a:ext cx="9298146" cy="5597842"/>
            <a:chOff x="-10545525" y="1249357"/>
            <a:chExt cx="9298146" cy="5597842"/>
          </a:xfrm>
          <a:solidFill>
            <a:srgbClr val="FFFFFF">
              <a:alpha val="50980"/>
            </a:srgbClr>
          </a:solidFill>
        </p:grpSpPr>
        <p:grpSp>
          <p:nvGrpSpPr>
            <p:cNvPr id="627" name="Graphic 58">
              <a:extLst>
                <a:ext uri="{FF2B5EF4-FFF2-40B4-BE49-F238E27FC236}">
                  <a16:creationId xmlns:a16="http://schemas.microsoft.com/office/drawing/2014/main" id="{8D74E098-2980-5F92-BE7C-42BBE41B534A}"/>
                </a:ext>
              </a:extLst>
            </p:cNvPr>
            <p:cNvGrpSpPr/>
            <p:nvPr/>
          </p:nvGrpSpPr>
          <p:grpSpPr>
            <a:xfrm>
              <a:off x="-10545525" y="3679851"/>
              <a:ext cx="1438052" cy="3167348"/>
              <a:chOff x="-10545525" y="3679851"/>
              <a:chExt cx="1438052" cy="3167348"/>
            </a:xfrm>
            <a:grpFill/>
          </p:grpSpPr>
          <p:grpSp>
            <p:nvGrpSpPr>
              <p:cNvPr id="830" name="Graphic 58">
                <a:extLst>
                  <a:ext uri="{FF2B5EF4-FFF2-40B4-BE49-F238E27FC236}">
                    <a16:creationId xmlns:a16="http://schemas.microsoft.com/office/drawing/2014/main" id="{F35A7E10-5306-0BB6-3DB1-503C2A2B2DE2}"/>
                  </a:ext>
                </a:extLst>
              </p:cNvPr>
              <p:cNvGrpSpPr/>
              <p:nvPr/>
            </p:nvGrpSpPr>
            <p:grpSpPr>
              <a:xfrm>
                <a:off x="-10545525" y="5365236"/>
                <a:ext cx="1438052" cy="1481962"/>
                <a:chOff x="-10545525" y="5365236"/>
                <a:chExt cx="1438052" cy="1481962"/>
              </a:xfrm>
              <a:grpFill/>
            </p:grpSpPr>
            <p:sp>
              <p:nvSpPr>
                <p:cNvPr id="881" name="Rectangle 880">
                  <a:extLst>
                    <a:ext uri="{FF2B5EF4-FFF2-40B4-BE49-F238E27FC236}">
                      <a16:creationId xmlns:a16="http://schemas.microsoft.com/office/drawing/2014/main" id="{AE0F352E-01A6-86FB-88BC-3FB71F7AE996}"/>
                    </a:ext>
                  </a:extLst>
                </p:cNvPr>
                <p:cNvSpPr/>
                <p:nvPr/>
              </p:nvSpPr>
              <p:spPr>
                <a:xfrm>
                  <a:off x="-10545525" y="536523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82" name="Rectangle 881">
                  <a:extLst>
                    <a:ext uri="{FF2B5EF4-FFF2-40B4-BE49-F238E27FC236}">
                      <a16:creationId xmlns:a16="http://schemas.microsoft.com/office/drawing/2014/main" id="{68CD1FA5-BB6C-B030-D9CD-E7D6E38A793D}"/>
                    </a:ext>
                  </a:extLst>
                </p:cNvPr>
                <p:cNvSpPr/>
                <p:nvPr/>
              </p:nvSpPr>
              <p:spPr>
                <a:xfrm>
                  <a:off x="-10310670" y="536523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83" name="Rectangle 882">
                  <a:extLst>
                    <a:ext uri="{FF2B5EF4-FFF2-40B4-BE49-F238E27FC236}">
                      <a16:creationId xmlns:a16="http://schemas.microsoft.com/office/drawing/2014/main" id="{72C8DEB1-D0FE-8E45-0A1D-00A5ED674B36}"/>
                    </a:ext>
                  </a:extLst>
                </p:cNvPr>
                <p:cNvSpPr/>
                <p:nvPr/>
              </p:nvSpPr>
              <p:spPr>
                <a:xfrm>
                  <a:off x="-10075784" y="536523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84" name="Rectangle 883">
                  <a:extLst>
                    <a:ext uri="{FF2B5EF4-FFF2-40B4-BE49-F238E27FC236}">
                      <a16:creationId xmlns:a16="http://schemas.microsoft.com/office/drawing/2014/main" id="{0ACB8828-1420-BA78-DBA0-0AE918B3B853}"/>
                    </a:ext>
                  </a:extLst>
                </p:cNvPr>
                <p:cNvSpPr/>
                <p:nvPr/>
              </p:nvSpPr>
              <p:spPr>
                <a:xfrm>
                  <a:off x="-9840929" y="536523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85" name="Rectangle 884">
                  <a:extLst>
                    <a:ext uri="{FF2B5EF4-FFF2-40B4-BE49-F238E27FC236}">
                      <a16:creationId xmlns:a16="http://schemas.microsoft.com/office/drawing/2014/main" id="{F56D536D-E583-14C3-BF21-820CF09ADF1F}"/>
                    </a:ext>
                  </a:extLst>
                </p:cNvPr>
                <p:cNvSpPr/>
                <p:nvPr/>
              </p:nvSpPr>
              <p:spPr>
                <a:xfrm>
                  <a:off x="-9606042" y="536523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86" name="Rectangle 885">
                  <a:extLst>
                    <a:ext uri="{FF2B5EF4-FFF2-40B4-BE49-F238E27FC236}">
                      <a16:creationId xmlns:a16="http://schemas.microsoft.com/office/drawing/2014/main" id="{7FA3D322-AAA0-19AA-5E94-B7183F7141FD}"/>
                    </a:ext>
                  </a:extLst>
                </p:cNvPr>
                <p:cNvSpPr/>
                <p:nvPr/>
              </p:nvSpPr>
              <p:spPr>
                <a:xfrm>
                  <a:off x="-9371156" y="536523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87" name="Rectangle 886">
                  <a:extLst>
                    <a:ext uri="{FF2B5EF4-FFF2-40B4-BE49-F238E27FC236}">
                      <a16:creationId xmlns:a16="http://schemas.microsoft.com/office/drawing/2014/main" id="{A895BFBE-F4A2-6DDA-E2C3-1BCCE08443BF}"/>
                    </a:ext>
                  </a:extLst>
                </p:cNvPr>
                <p:cNvSpPr/>
                <p:nvPr/>
              </p:nvSpPr>
              <p:spPr>
                <a:xfrm>
                  <a:off x="-9136301" y="5365236"/>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88" name="Rectangle 887">
                  <a:extLst>
                    <a:ext uri="{FF2B5EF4-FFF2-40B4-BE49-F238E27FC236}">
                      <a16:creationId xmlns:a16="http://schemas.microsoft.com/office/drawing/2014/main" id="{35802A16-2C98-1397-5F1C-41D964F71906}"/>
                    </a:ext>
                  </a:extLst>
                </p:cNvPr>
                <p:cNvSpPr/>
                <p:nvPr/>
              </p:nvSpPr>
              <p:spPr>
                <a:xfrm>
                  <a:off x="-10545525" y="560742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89" name="Rectangle 888">
                  <a:extLst>
                    <a:ext uri="{FF2B5EF4-FFF2-40B4-BE49-F238E27FC236}">
                      <a16:creationId xmlns:a16="http://schemas.microsoft.com/office/drawing/2014/main" id="{0BAC8398-C4D6-EEDE-7C8B-971D0114C988}"/>
                    </a:ext>
                  </a:extLst>
                </p:cNvPr>
                <p:cNvSpPr/>
                <p:nvPr/>
              </p:nvSpPr>
              <p:spPr>
                <a:xfrm>
                  <a:off x="-10310670" y="560742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90" name="Rectangle 889">
                  <a:extLst>
                    <a:ext uri="{FF2B5EF4-FFF2-40B4-BE49-F238E27FC236}">
                      <a16:creationId xmlns:a16="http://schemas.microsoft.com/office/drawing/2014/main" id="{AD67760E-C64D-0F8D-70AF-3A08EB2E6850}"/>
                    </a:ext>
                  </a:extLst>
                </p:cNvPr>
                <p:cNvSpPr/>
                <p:nvPr/>
              </p:nvSpPr>
              <p:spPr>
                <a:xfrm>
                  <a:off x="-10075784" y="560742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91" name="Rectangle 890">
                  <a:extLst>
                    <a:ext uri="{FF2B5EF4-FFF2-40B4-BE49-F238E27FC236}">
                      <a16:creationId xmlns:a16="http://schemas.microsoft.com/office/drawing/2014/main" id="{46BF4913-A1B3-1504-CA47-7CEBA4DFA7DE}"/>
                    </a:ext>
                  </a:extLst>
                </p:cNvPr>
                <p:cNvSpPr/>
                <p:nvPr/>
              </p:nvSpPr>
              <p:spPr>
                <a:xfrm>
                  <a:off x="-9840929" y="560742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92" name="Rectangle 891">
                  <a:extLst>
                    <a:ext uri="{FF2B5EF4-FFF2-40B4-BE49-F238E27FC236}">
                      <a16:creationId xmlns:a16="http://schemas.microsoft.com/office/drawing/2014/main" id="{F61692E5-DAE0-8F53-B7AF-B0AE02263E15}"/>
                    </a:ext>
                  </a:extLst>
                </p:cNvPr>
                <p:cNvSpPr/>
                <p:nvPr/>
              </p:nvSpPr>
              <p:spPr>
                <a:xfrm>
                  <a:off x="-9606042" y="560742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93" name="Rectangle 892">
                  <a:extLst>
                    <a:ext uri="{FF2B5EF4-FFF2-40B4-BE49-F238E27FC236}">
                      <a16:creationId xmlns:a16="http://schemas.microsoft.com/office/drawing/2014/main" id="{513203EE-D903-4B0A-A405-3793A35784A1}"/>
                    </a:ext>
                  </a:extLst>
                </p:cNvPr>
                <p:cNvSpPr/>
                <p:nvPr/>
              </p:nvSpPr>
              <p:spPr>
                <a:xfrm>
                  <a:off x="-9371156" y="560742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94" name="Rectangle 893">
                  <a:extLst>
                    <a:ext uri="{FF2B5EF4-FFF2-40B4-BE49-F238E27FC236}">
                      <a16:creationId xmlns:a16="http://schemas.microsoft.com/office/drawing/2014/main" id="{FF07DE9F-0A5C-6C25-C76A-0430B3841B85}"/>
                    </a:ext>
                  </a:extLst>
                </p:cNvPr>
                <p:cNvSpPr/>
                <p:nvPr/>
              </p:nvSpPr>
              <p:spPr>
                <a:xfrm>
                  <a:off x="-9136301" y="560742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95" name="Rectangle 894">
                  <a:extLst>
                    <a:ext uri="{FF2B5EF4-FFF2-40B4-BE49-F238E27FC236}">
                      <a16:creationId xmlns:a16="http://schemas.microsoft.com/office/drawing/2014/main" id="{6A162503-D3B2-0DE9-F83D-7B142714CDAD}"/>
                    </a:ext>
                  </a:extLst>
                </p:cNvPr>
                <p:cNvSpPr/>
                <p:nvPr/>
              </p:nvSpPr>
              <p:spPr>
                <a:xfrm>
                  <a:off x="-10545525" y="5849614"/>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96" name="Rectangle 895">
                  <a:extLst>
                    <a:ext uri="{FF2B5EF4-FFF2-40B4-BE49-F238E27FC236}">
                      <a16:creationId xmlns:a16="http://schemas.microsoft.com/office/drawing/2014/main" id="{EC88529F-7C2F-A0E2-9491-E93379E8239D}"/>
                    </a:ext>
                  </a:extLst>
                </p:cNvPr>
                <p:cNvSpPr/>
                <p:nvPr/>
              </p:nvSpPr>
              <p:spPr>
                <a:xfrm>
                  <a:off x="-10310670" y="5849614"/>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97" name="Rectangle 896">
                  <a:extLst>
                    <a:ext uri="{FF2B5EF4-FFF2-40B4-BE49-F238E27FC236}">
                      <a16:creationId xmlns:a16="http://schemas.microsoft.com/office/drawing/2014/main" id="{1986F83C-8408-AF42-63C3-BE4A2C835CB9}"/>
                    </a:ext>
                  </a:extLst>
                </p:cNvPr>
                <p:cNvSpPr/>
                <p:nvPr/>
              </p:nvSpPr>
              <p:spPr>
                <a:xfrm>
                  <a:off x="-10075784" y="5849614"/>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98" name="Rectangle 897">
                  <a:extLst>
                    <a:ext uri="{FF2B5EF4-FFF2-40B4-BE49-F238E27FC236}">
                      <a16:creationId xmlns:a16="http://schemas.microsoft.com/office/drawing/2014/main" id="{215E01F0-F5C2-5119-9A79-6AC189514195}"/>
                    </a:ext>
                  </a:extLst>
                </p:cNvPr>
                <p:cNvSpPr/>
                <p:nvPr/>
              </p:nvSpPr>
              <p:spPr>
                <a:xfrm>
                  <a:off x="-9840929" y="5849614"/>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99" name="Rectangle 898">
                  <a:extLst>
                    <a:ext uri="{FF2B5EF4-FFF2-40B4-BE49-F238E27FC236}">
                      <a16:creationId xmlns:a16="http://schemas.microsoft.com/office/drawing/2014/main" id="{D9E0CD4C-D170-D119-CADB-007CEF218D5D}"/>
                    </a:ext>
                  </a:extLst>
                </p:cNvPr>
                <p:cNvSpPr/>
                <p:nvPr/>
              </p:nvSpPr>
              <p:spPr>
                <a:xfrm>
                  <a:off x="-9606042" y="5849614"/>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00" name="Rectangle 899">
                  <a:extLst>
                    <a:ext uri="{FF2B5EF4-FFF2-40B4-BE49-F238E27FC236}">
                      <a16:creationId xmlns:a16="http://schemas.microsoft.com/office/drawing/2014/main" id="{A8369685-E749-7803-10EA-5E258AD2FE0D}"/>
                    </a:ext>
                  </a:extLst>
                </p:cNvPr>
                <p:cNvSpPr/>
                <p:nvPr/>
              </p:nvSpPr>
              <p:spPr>
                <a:xfrm>
                  <a:off x="-9371156" y="5849614"/>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01" name="Rectangle 900">
                  <a:extLst>
                    <a:ext uri="{FF2B5EF4-FFF2-40B4-BE49-F238E27FC236}">
                      <a16:creationId xmlns:a16="http://schemas.microsoft.com/office/drawing/2014/main" id="{23697CE1-4643-20C1-53DA-73CD8A6290D0}"/>
                    </a:ext>
                  </a:extLst>
                </p:cNvPr>
                <p:cNvSpPr/>
                <p:nvPr/>
              </p:nvSpPr>
              <p:spPr>
                <a:xfrm>
                  <a:off x="-9136301" y="584961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02" name="Rectangle 901">
                  <a:extLst>
                    <a:ext uri="{FF2B5EF4-FFF2-40B4-BE49-F238E27FC236}">
                      <a16:creationId xmlns:a16="http://schemas.microsoft.com/office/drawing/2014/main" id="{3A6F6D24-D83B-D653-C1D5-C83381E019C1}"/>
                    </a:ext>
                  </a:extLst>
                </p:cNvPr>
                <p:cNvSpPr/>
                <p:nvPr/>
              </p:nvSpPr>
              <p:spPr>
                <a:xfrm>
                  <a:off x="-10545525" y="6091803"/>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03" name="Rectangle 902">
                  <a:extLst>
                    <a:ext uri="{FF2B5EF4-FFF2-40B4-BE49-F238E27FC236}">
                      <a16:creationId xmlns:a16="http://schemas.microsoft.com/office/drawing/2014/main" id="{37A2D0B1-8B3A-56FC-7296-327EF031667C}"/>
                    </a:ext>
                  </a:extLst>
                </p:cNvPr>
                <p:cNvSpPr/>
                <p:nvPr/>
              </p:nvSpPr>
              <p:spPr>
                <a:xfrm>
                  <a:off x="-10310670" y="6091803"/>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04" name="Rectangle 903">
                  <a:extLst>
                    <a:ext uri="{FF2B5EF4-FFF2-40B4-BE49-F238E27FC236}">
                      <a16:creationId xmlns:a16="http://schemas.microsoft.com/office/drawing/2014/main" id="{2C9E2118-54B6-BF95-FA64-49AF29BDF322}"/>
                    </a:ext>
                  </a:extLst>
                </p:cNvPr>
                <p:cNvSpPr/>
                <p:nvPr/>
              </p:nvSpPr>
              <p:spPr>
                <a:xfrm>
                  <a:off x="-10075784" y="6091803"/>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05" name="Rectangle 904">
                  <a:extLst>
                    <a:ext uri="{FF2B5EF4-FFF2-40B4-BE49-F238E27FC236}">
                      <a16:creationId xmlns:a16="http://schemas.microsoft.com/office/drawing/2014/main" id="{F2410DD3-6C48-3A1A-BD9B-643574B775FB}"/>
                    </a:ext>
                  </a:extLst>
                </p:cNvPr>
                <p:cNvSpPr/>
                <p:nvPr/>
              </p:nvSpPr>
              <p:spPr>
                <a:xfrm>
                  <a:off x="-9840929" y="6091803"/>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06" name="Rectangle 905">
                  <a:extLst>
                    <a:ext uri="{FF2B5EF4-FFF2-40B4-BE49-F238E27FC236}">
                      <a16:creationId xmlns:a16="http://schemas.microsoft.com/office/drawing/2014/main" id="{C9B7D5EF-167A-2877-FAF7-4E5ECBF62290}"/>
                    </a:ext>
                  </a:extLst>
                </p:cNvPr>
                <p:cNvSpPr/>
                <p:nvPr/>
              </p:nvSpPr>
              <p:spPr>
                <a:xfrm>
                  <a:off x="-9606042" y="6091803"/>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07" name="Rectangle 906">
                  <a:extLst>
                    <a:ext uri="{FF2B5EF4-FFF2-40B4-BE49-F238E27FC236}">
                      <a16:creationId xmlns:a16="http://schemas.microsoft.com/office/drawing/2014/main" id="{A4E4BBE9-C50E-8477-BCD7-419AF975685A}"/>
                    </a:ext>
                  </a:extLst>
                </p:cNvPr>
                <p:cNvSpPr/>
                <p:nvPr/>
              </p:nvSpPr>
              <p:spPr>
                <a:xfrm>
                  <a:off x="-9371156" y="6091803"/>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08" name="Rectangle 907">
                  <a:extLst>
                    <a:ext uri="{FF2B5EF4-FFF2-40B4-BE49-F238E27FC236}">
                      <a16:creationId xmlns:a16="http://schemas.microsoft.com/office/drawing/2014/main" id="{95496259-7454-0B9F-B975-9E5895307C7E}"/>
                    </a:ext>
                  </a:extLst>
                </p:cNvPr>
                <p:cNvSpPr/>
                <p:nvPr/>
              </p:nvSpPr>
              <p:spPr>
                <a:xfrm>
                  <a:off x="-9136301" y="609180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09" name="Rectangle 908">
                  <a:extLst>
                    <a:ext uri="{FF2B5EF4-FFF2-40B4-BE49-F238E27FC236}">
                      <a16:creationId xmlns:a16="http://schemas.microsoft.com/office/drawing/2014/main" id="{CDD69C6F-9920-BB03-2554-7422C48A55A1}"/>
                    </a:ext>
                  </a:extLst>
                </p:cNvPr>
                <p:cNvSpPr/>
                <p:nvPr/>
              </p:nvSpPr>
              <p:spPr>
                <a:xfrm>
                  <a:off x="-10545525" y="6333992"/>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10" name="Rectangle 909">
                  <a:extLst>
                    <a:ext uri="{FF2B5EF4-FFF2-40B4-BE49-F238E27FC236}">
                      <a16:creationId xmlns:a16="http://schemas.microsoft.com/office/drawing/2014/main" id="{0576374C-1B91-F92F-F476-ACA6D07C312B}"/>
                    </a:ext>
                  </a:extLst>
                </p:cNvPr>
                <p:cNvSpPr/>
                <p:nvPr/>
              </p:nvSpPr>
              <p:spPr>
                <a:xfrm>
                  <a:off x="-10310670" y="6333992"/>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11" name="Rectangle 910">
                  <a:extLst>
                    <a:ext uri="{FF2B5EF4-FFF2-40B4-BE49-F238E27FC236}">
                      <a16:creationId xmlns:a16="http://schemas.microsoft.com/office/drawing/2014/main" id="{5036259B-55FA-E767-5984-EE0629836E4C}"/>
                    </a:ext>
                  </a:extLst>
                </p:cNvPr>
                <p:cNvSpPr/>
                <p:nvPr/>
              </p:nvSpPr>
              <p:spPr>
                <a:xfrm>
                  <a:off x="-10075784" y="6333992"/>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12" name="Rectangle 911">
                  <a:extLst>
                    <a:ext uri="{FF2B5EF4-FFF2-40B4-BE49-F238E27FC236}">
                      <a16:creationId xmlns:a16="http://schemas.microsoft.com/office/drawing/2014/main" id="{F97C2E43-D30C-CEE7-5F1E-C1C2FAB0DA91}"/>
                    </a:ext>
                  </a:extLst>
                </p:cNvPr>
                <p:cNvSpPr/>
                <p:nvPr/>
              </p:nvSpPr>
              <p:spPr>
                <a:xfrm>
                  <a:off x="-9840929" y="6333992"/>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13" name="Rectangle 912">
                  <a:extLst>
                    <a:ext uri="{FF2B5EF4-FFF2-40B4-BE49-F238E27FC236}">
                      <a16:creationId xmlns:a16="http://schemas.microsoft.com/office/drawing/2014/main" id="{F4030E94-3844-91AE-9AC7-76982FC9A185}"/>
                    </a:ext>
                  </a:extLst>
                </p:cNvPr>
                <p:cNvSpPr/>
                <p:nvPr/>
              </p:nvSpPr>
              <p:spPr>
                <a:xfrm>
                  <a:off x="-9606042" y="6333992"/>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14" name="Rectangle 913">
                  <a:extLst>
                    <a:ext uri="{FF2B5EF4-FFF2-40B4-BE49-F238E27FC236}">
                      <a16:creationId xmlns:a16="http://schemas.microsoft.com/office/drawing/2014/main" id="{B648B651-622D-9D70-D6F5-5225E136E9E9}"/>
                    </a:ext>
                  </a:extLst>
                </p:cNvPr>
                <p:cNvSpPr/>
                <p:nvPr/>
              </p:nvSpPr>
              <p:spPr>
                <a:xfrm>
                  <a:off x="-9371156" y="6333992"/>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15" name="Rectangle 914">
                  <a:extLst>
                    <a:ext uri="{FF2B5EF4-FFF2-40B4-BE49-F238E27FC236}">
                      <a16:creationId xmlns:a16="http://schemas.microsoft.com/office/drawing/2014/main" id="{BB67C091-848E-84E8-1AF3-FC89E52F4EBD}"/>
                    </a:ext>
                  </a:extLst>
                </p:cNvPr>
                <p:cNvSpPr/>
                <p:nvPr/>
              </p:nvSpPr>
              <p:spPr>
                <a:xfrm>
                  <a:off x="-9136301" y="6333992"/>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16" name="Rectangle 915">
                  <a:extLst>
                    <a:ext uri="{FF2B5EF4-FFF2-40B4-BE49-F238E27FC236}">
                      <a16:creationId xmlns:a16="http://schemas.microsoft.com/office/drawing/2014/main" id="{6B9CC35B-13EA-6968-9589-3A270C5B27BE}"/>
                    </a:ext>
                  </a:extLst>
                </p:cNvPr>
                <p:cNvSpPr/>
                <p:nvPr/>
              </p:nvSpPr>
              <p:spPr>
                <a:xfrm>
                  <a:off x="-10545525" y="6576181"/>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17" name="Rectangle 916">
                  <a:extLst>
                    <a:ext uri="{FF2B5EF4-FFF2-40B4-BE49-F238E27FC236}">
                      <a16:creationId xmlns:a16="http://schemas.microsoft.com/office/drawing/2014/main" id="{376A7C5E-D56D-9920-7487-A2E6623B6704}"/>
                    </a:ext>
                  </a:extLst>
                </p:cNvPr>
                <p:cNvSpPr/>
                <p:nvPr/>
              </p:nvSpPr>
              <p:spPr>
                <a:xfrm>
                  <a:off x="-10310670" y="6576181"/>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18" name="Rectangle 917">
                  <a:extLst>
                    <a:ext uri="{FF2B5EF4-FFF2-40B4-BE49-F238E27FC236}">
                      <a16:creationId xmlns:a16="http://schemas.microsoft.com/office/drawing/2014/main" id="{AE742AFE-6586-5560-DBBF-F8C8702DDD04}"/>
                    </a:ext>
                  </a:extLst>
                </p:cNvPr>
                <p:cNvSpPr/>
                <p:nvPr/>
              </p:nvSpPr>
              <p:spPr>
                <a:xfrm>
                  <a:off x="-10075784" y="6576181"/>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19" name="Rectangle 918">
                  <a:extLst>
                    <a:ext uri="{FF2B5EF4-FFF2-40B4-BE49-F238E27FC236}">
                      <a16:creationId xmlns:a16="http://schemas.microsoft.com/office/drawing/2014/main" id="{460476AC-3B59-CC5F-670A-4F3E3911E881}"/>
                    </a:ext>
                  </a:extLst>
                </p:cNvPr>
                <p:cNvSpPr/>
                <p:nvPr/>
              </p:nvSpPr>
              <p:spPr>
                <a:xfrm>
                  <a:off x="-9840929" y="6576181"/>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20" name="Rectangle 919">
                  <a:extLst>
                    <a:ext uri="{FF2B5EF4-FFF2-40B4-BE49-F238E27FC236}">
                      <a16:creationId xmlns:a16="http://schemas.microsoft.com/office/drawing/2014/main" id="{B1B9CFA9-EC17-1101-15D6-0192F4CE3CC7}"/>
                    </a:ext>
                  </a:extLst>
                </p:cNvPr>
                <p:cNvSpPr/>
                <p:nvPr/>
              </p:nvSpPr>
              <p:spPr>
                <a:xfrm>
                  <a:off x="-9606042" y="6576181"/>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21" name="Rectangle 920">
                  <a:extLst>
                    <a:ext uri="{FF2B5EF4-FFF2-40B4-BE49-F238E27FC236}">
                      <a16:creationId xmlns:a16="http://schemas.microsoft.com/office/drawing/2014/main" id="{DAECAC91-8FD8-66D1-9FBB-B828E8B5EBC6}"/>
                    </a:ext>
                  </a:extLst>
                </p:cNvPr>
                <p:cNvSpPr/>
                <p:nvPr/>
              </p:nvSpPr>
              <p:spPr>
                <a:xfrm>
                  <a:off x="-9371156" y="6576181"/>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22" name="Rectangle 921">
                  <a:extLst>
                    <a:ext uri="{FF2B5EF4-FFF2-40B4-BE49-F238E27FC236}">
                      <a16:creationId xmlns:a16="http://schemas.microsoft.com/office/drawing/2014/main" id="{B992E9C7-7D89-8030-8E41-F75FDFC6A1A9}"/>
                    </a:ext>
                  </a:extLst>
                </p:cNvPr>
                <p:cNvSpPr/>
                <p:nvPr/>
              </p:nvSpPr>
              <p:spPr>
                <a:xfrm>
                  <a:off x="-9136301" y="6576181"/>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23" name="Rectangle 922">
                  <a:extLst>
                    <a:ext uri="{FF2B5EF4-FFF2-40B4-BE49-F238E27FC236}">
                      <a16:creationId xmlns:a16="http://schemas.microsoft.com/office/drawing/2014/main" id="{6D0EE6FD-E0A6-8B3C-E490-0DD4E097115F}"/>
                    </a:ext>
                  </a:extLst>
                </p:cNvPr>
                <p:cNvSpPr/>
                <p:nvPr/>
              </p:nvSpPr>
              <p:spPr>
                <a:xfrm>
                  <a:off x="-10545525" y="6818370"/>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24" name="Rectangle 923">
                  <a:extLst>
                    <a:ext uri="{FF2B5EF4-FFF2-40B4-BE49-F238E27FC236}">
                      <a16:creationId xmlns:a16="http://schemas.microsoft.com/office/drawing/2014/main" id="{09CDA754-60CF-332A-30FA-E8F3EE391888}"/>
                    </a:ext>
                  </a:extLst>
                </p:cNvPr>
                <p:cNvSpPr/>
                <p:nvPr/>
              </p:nvSpPr>
              <p:spPr>
                <a:xfrm>
                  <a:off x="-10310670" y="6818370"/>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25" name="Rectangle 924">
                  <a:extLst>
                    <a:ext uri="{FF2B5EF4-FFF2-40B4-BE49-F238E27FC236}">
                      <a16:creationId xmlns:a16="http://schemas.microsoft.com/office/drawing/2014/main" id="{169365FF-13C3-17EA-DDE0-A62D0C378B81}"/>
                    </a:ext>
                  </a:extLst>
                </p:cNvPr>
                <p:cNvSpPr/>
                <p:nvPr/>
              </p:nvSpPr>
              <p:spPr>
                <a:xfrm>
                  <a:off x="-10075784" y="6818370"/>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26" name="Rectangle 925">
                  <a:extLst>
                    <a:ext uri="{FF2B5EF4-FFF2-40B4-BE49-F238E27FC236}">
                      <a16:creationId xmlns:a16="http://schemas.microsoft.com/office/drawing/2014/main" id="{760D3859-FBFB-ADB3-5C65-89440ADFC0E0}"/>
                    </a:ext>
                  </a:extLst>
                </p:cNvPr>
                <p:cNvSpPr/>
                <p:nvPr/>
              </p:nvSpPr>
              <p:spPr>
                <a:xfrm>
                  <a:off x="-9840929" y="6818370"/>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27" name="Rectangle 926">
                  <a:extLst>
                    <a:ext uri="{FF2B5EF4-FFF2-40B4-BE49-F238E27FC236}">
                      <a16:creationId xmlns:a16="http://schemas.microsoft.com/office/drawing/2014/main" id="{B93559DB-D1E8-FD16-F49D-1225660118CB}"/>
                    </a:ext>
                  </a:extLst>
                </p:cNvPr>
                <p:cNvSpPr/>
                <p:nvPr/>
              </p:nvSpPr>
              <p:spPr>
                <a:xfrm>
                  <a:off x="-9606042" y="6818370"/>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28" name="Rectangle 927">
                  <a:extLst>
                    <a:ext uri="{FF2B5EF4-FFF2-40B4-BE49-F238E27FC236}">
                      <a16:creationId xmlns:a16="http://schemas.microsoft.com/office/drawing/2014/main" id="{8EE68C09-71D4-B612-8B12-E1526026C0A9}"/>
                    </a:ext>
                  </a:extLst>
                </p:cNvPr>
                <p:cNvSpPr/>
                <p:nvPr/>
              </p:nvSpPr>
              <p:spPr>
                <a:xfrm>
                  <a:off x="-9371156" y="6818370"/>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929" name="Rectangle 928">
                  <a:extLst>
                    <a:ext uri="{FF2B5EF4-FFF2-40B4-BE49-F238E27FC236}">
                      <a16:creationId xmlns:a16="http://schemas.microsoft.com/office/drawing/2014/main" id="{1154A031-286B-7EB3-6F0A-5B5A0834742B}"/>
                    </a:ext>
                  </a:extLst>
                </p:cNvPr>
                <p:cNvSpPr/>
                <p:nvPr/>
              </p:nvSpPr>
              <p:spPr>
                <a:xfrm>
                  <a:off x="-9136301" y="6818370"/>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grpSp>
          <p:grpSp>
            <p:nvGrpSpPr>
              <p:cNvPr id="831" name="Graphic 58">
                <a:extLst>
                  <a:ext uri="{FF2B5EF4-FFF2-40B4-BE49-F238E27FC236}">
                    <a16:creationId xmlns:a16="http://schemas.microsoft.com/office/drawing/2014/main" id="{314FA57B-30FD-07B0-8E9A-B0D49ED1069D}"/>
                  </a:ext>
                </a:extLst>
              </p:cNvPr>
              <p:cNvGrpSpPr/>
              <p:nvPr/>
            </p:nvGrpSpPr>
            <p:grpSpPr>
              <a:xfrm>
                <a:off x="-10545525" y="3679851"/>
                <a:ext cx="1438052" cy="1481963"/>
                <a:chOff x="-10545525" y="3679851"/>
                <a:chExt cx="1438052" cy="1481963"/>
              </a:xfrm>
              <a:grpFill/>
            </p:grpSpPr>
            <p:sp>
              <p:nvSpPr>
                <p:cNvPr id="832" name="Rectangle 831">
                  <a:extLst>
                    <a:ext uri="{FF2B5EF4-FFF2-40B4-BE49-F238E27FC236}">
                      <a16:creationId xmlns:a16="http://schemas.microsoft.com/office/drawing/2014/main" id="{3FDF782E-106E-B02C-D5D9-A54165B9995B}"/>
                    </a:ext>
                  </a:extLst>
                </p:cNvPr>
                <p:cNvSpPr/>
                <p:nvPr/>
              </p:nvSpPr>
              <p:spPr>
                <a:xfrm>
                  <a:off x="-10545525" y="3679851"/>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33" name="Rectangle 832">
                  <a:extLst>
                    <a:ext uri="{FF2B5EF4-FFF2-40B4-BE49-F238E27FC236}">
                      <a16:creationId xmlns:a16="http://schemas.microsoft.com/office/drawing/2014/main" id="{AB9C46DE-60CD-6F3A-8737-6AD9CB629CC3}"/>
                    </a:ext>
                  </a:extLst>
                </p:cNvPr>
                <p:cNvSpPr/>
                <p:nvPr/>
              </p:nvSpPr>
              <p:spPr>
                <a:xfrm>
                  <a:off x="-10310670" y="3679851"/>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34" name="Rectangle 833">
                  <a:extLst>
                    <a:ext uri="{FF2B5EF4-FFF2-40B4-BE49-F238E27FC236}">
                      <a16:creationId xmlns:a16="http://schemas.microsoft.com/office/drawing/2014/main" id="{1657E48E-349A-AEE9-C9DC-D4104025F001}"/>
                    </a:ext>
                  </a:extLst>
                </p:cNvPr>
                <p:cNvSpPr/>
                <p:nvPr/>
              </p:nvSpPr>
              <p:spPr>
                <a:xfrm>
                  <a:off x="-10075784" y="3679851"/>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35" name="Rectangle 834">
                  <a:extLst>
                    <a:ext uri="{FF2B5EF4-FFF2-40B4-BE49-F238E27FC236}">
                      <a16:creationId xmlns:a16="http://schemas.microsoft.com/office/drawing/2014/main" id="{90827D1F-3305-BCE7-A87C-1906B56D1511}"/>
                    </a:ext>
                  </a:extLst>
                </p:cNvPr>
                <p:cNvSpPr/>
                <p:nvPr/>
              </p:nvSpPr>
              <p:spPr>
                <a:xfrm>
                  <a:off x="-9840929" y="3679851"/>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36" name="Rectangle 835">
                  <a:extLst>
                    <a:ext uri="{FF2B5EF4-FFF2-40B4-BE49-F238E27FC236}">
                      <a16:creationId xmlns:a16="http://schemas.microsoft.com/office/drawing/2014/main" id="{813B28D3-A7FB-A6E1-828B-83DC8FE68F06}"/>
                    </a:ext>
                  </a:extLst>
                </p:cNvPr>
                <p:cNvSpPr/>
                <p:nvPr/>
              </p:nvSpPr>
              <p:spPr>
                <a:xfrm>
                  <a:off x="-9606042" y="3679851"/>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37" name="Rectangle 836">
                  <a:extLst>
                    <a:ext uri="{FF2B5EF4-FFF2-40B4-BE49-F238E27FC236}">
                      <a16:creationId xmlns:a16="http://schemas.microsoft.com/office/drawing/2014/main" id="{199EFE9A-C80E-F450-F24C-EB9BF8B0A33E}"/>
                    </a:ext>
                  </a:extLst>
                </p:cNvPr>
                <p:cNvSpPr/>
                <p:nvPr/>
              </p:nvSpPr>
              <p:spPr>
                <a:xfrm>
                  <a:off x="-9371156" y="3679851"/>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38" name="Rectangle 837">
                  <a:extLst>
                    <a:ext uri="{FF2B5EF4-FFF2-40B4-BE49-F238E27FC236}">
                      <a16:creationId xmlns:a16="http://schemas.microsoft.com/office/drawing/2014/main" id="{7DECA101-173E-B7CE-751A-41B4B0EC3A6A}"/>
                    </a:ext>
                  </a:extLst>
                </p:cNvPr>
                <p:cNvSpPr/>
                <p:nvPr/>
              </p:nvSpPr>
              <p:spPr>
                <a:xfrm>
                  <a:off x="-9136301" y="367985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39" name="Rectangle 838">
                  <a:extLst>
                    <a:ext uri="{FF2B5EF4-FFF2-40B4-BE49-F238E27FC236}">
                      <a16:creationId xmlns:a16="http://schemas.microsoft.com/office/drawing/2014/main" id="{28061DFD-B5D1-6716-2EED-32E506B0AD54}"/>
                    </a:ext>
                  </a:extLst>
                </p:cNvPr>
                <p:cNvSpPr/>
                <p:nvPr/>
              </p:nvSpPr>
              <p:spPr>
                <a:xfrm>
                  <a:off x="-10545525" y="3922040"/>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40" name="Rectangle 839">
                  <a:extLst>
                    <a:ext uri="{FF2B5EF4-FFF2-40B4-BE49-F238E27FC236}">
                      <a16:creationId xmlns:a16="http://schemas.microsoft.com/office/drawing/2014/main" id="{08D95C52-AC8F-EE90-B9F9-214A05EF78B6}"/>
                    </a:ext>
                  </a:extLst>
                </p:cNvPr>
                <p:cNvSpPr/>
                <p:nvPr/>
              </p:nvSpPr>
              <p:spPr>
                <a:xfrm>
                  <a:off x="-10310670" y="3922040"/>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41" name="Rectangle 840">
                  <a:extLst>
                    <a:ext uri="{FF2B5EF4-FFF2-40B4-BE49-F238E27FC236}">
                      <a16:creationId xmlns:a16="http://schemas.microsoft.com/office/drawing/2014/main" id="{26021D69-1754-3A06-8202-B4E85E1E2D8A}"/>
                    </a:ext>
                  </a:extLst>
                </p:cNvPr>
                <p:cNvSpPr/>
                <p:nvPr/>
              </p:nvSpPr>
              <p:spPr>
                <a:xfrm>
                  <a:off x="-10075784" y="3922040"/>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42" name="Rectangle 841">
                  <a:extLst>
                    <a:ext uri="{FF2B5EF4-FFF2-40B4-BE49-F238E27FC236}">
                      <a16:creationId xmlns:a16="http://schemas.microsoft.com/office/drawing/2014/main" id="{6D8F44A6-3B7D-3F5F-9BD4-BBFBA6124345}"/>
                    </a:ext>
                  </a:extLst>
                </p:cNvPr>
                <p:cNvSpPr/>
                <p:nvPr/>
              </p:nvSpPr>
              <p:spPr>
                <a:xfrm>
                  <a:off x="-9840929" y="3922040"/>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43" name="Rectangle 842">
                  <a:extLst>
                    <a:ext uri="{FF2B5EF4-FFF2-40B4-BE49-F238E27FC236}">
                      <a16:creationId xmlns:a16="http://schemas.microsoft.com/office/drawing/2014/main" id="{910137E5-1234-2C35-6833-F2088184FFD3}"/>
                    </a:ext>
                  </a:extLst>
                </p:cNvPr>
                <p:cNvSpPr/>
                <p:nvPr/>
              </p:nvSpPr>
              <p:spPr>
                <a:xfrm>
                  <a:off x="-9606042" y="3922040"/>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44" name="Rectangle 843">
                  <a:extLst>
                    <a:ext uri="{FF2B5EF4-FFF2-40B4-BE49-F238E27FC236}">
                      <a16:creationId xmlns:a16="http://schemas.microsoft.com/office/drawing/2014/main" id="{8C08F1FA-8A9C-7968-1D19-527D7270E5F8}"/>
                    </a:ext>
                  </a:extLst>
                </p:cNvPr>
                <p:cNvSpPr/>
                <p:nvPr/>
              </p:nvSpPr>
              <p:spPr>
                <a:xfrm>
                  <a:off x="-9371156" y="3922040"/>
                  <a:ext cx="28829"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45" name="Rectangle 844">
                  <a:extLst>
                    <a:ext uri="{FF2B5EF4-FFF2-40B4-BE49-F238E27FC236}">
                      <a16:creationId xmlns:a16="http://schemas.microsoft.com/office/drawing/2014/main" id="{7580882A-5BC7-C3C3-9872-0703431B4967}"/>
                    </a:ext>
                  </a:extLst>
                </p:cNvPr>
                <p:cNvSpPr/>
                <p:nvPr/>
              </p:nvSpPr>
              <p:spPr>
                <a:xfrm>
                  <a:off x="-9136301" y="392204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46" name="Rectangle 845">
                  <a:extLst>
                    <a:ext uri="{FF2B5EF4-FFF2-40B4-BE49-F238E27FC236}">
                      <a16:creationId xmlns:a16="http://schemas.microsoft.com/office/drawing/2014/main" id="{68F60490-298A-D9E1-CCE3-8DB247DB2F4E}"/>
                    </a:ext>
                  </a:extLst>
                </p:cNvPr>
                <p:cNvSpPr/>
                <p:nvPr/>
              </p:nvSpPr>
              <p:spPr>
                <a:xfrm>
                  <a:off x="-10545525" y="4164229"/>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47" name="Rectangle 846">
                  <a:extLst>
                    <a:ext uri="{FF2B5EF4-FFF2-40B4-BE49-F238E27FC236}">
                      <a16:creationId xmlns:a16="http://schemas.microsoft.com/office/drawing/2014/main" id="{28B14FF9-2442-FAF5-926F-45ACF07E817F}"/>
                    </a:ext>
                  </a:extLst>
                </p:cNvPr>
                <p:cNvSpPr/>
                <p:nvPr/>
              </p:nvSpPr>
              <p:spPr>
                <a:xfrm>
                  <a:off x="-10310670" y="4164229"/>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48" name="Rectangle 847">
                  <a:extLst>
                    <a:ext uri="{FF2B5EF4-FFF2-40B4-BE49-F238E27FC236}">
                      <a16:creationId xmlns:a16="http://schemas.microsoft.com/office/drawing/2014/main" id="{0DD5C625-8028-4B91-2E2F-3C53D24BBF8F}"/>
                    </a:ext>
                  </a:extLst>
                </p:cNvPr>
                <p:cNvSpPr/>
                <p:nvPr/>
              </p:nvSpPr>
              <p:spPr>
                <a:xfrm>
                  <a:off x="-10075784" y="4164229"/>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49" name="Rectangle 848">
                  <a:extLst>
                    <a:ext uri="{FF2B5EF4-FFF2-40B4-BE49-F238E27FC236}">
                      <a16:creationId xmlns:a16="http://schemas.microsoft.com/office/drawing/2014/main" id="{2D300E5E-D34F-D2AF-0684-50B925C14022}"/>
                    </a:ext>
                  </a:extLst>
                </p:cNvPr>
                <p:cNvSpPr/>
                <p:nvPr/>
              </p:nvSpPr>
              <p:spPr>
                <a:xfrm>
                  <a:off x="-9840929" y="4164229"/>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50" name="Rectangle 849">
                  <a:extLst>
                    <a:ext uri="{FF2B5EF4-FFF2-40B4-BE49-F238E27FC236}">
                      <a16:creationId xmlns:a16="http://schemas.microsoft.com/office/drawing/2014/main" id="{EB6D909F-F278-9C6E-28F4-D93DDC27C7F4}"/>
                    </a:ext>
                  </a:extLst>
                </p:cNvPr>
                <p:cNvSpPr/>
                <p:nvPr/>
              </p:nvSpPr>
              <p:spPr>
                <a:xfrm>
                  <a:off x="-9606042" y="4164229"/>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51" name="Rectangle 850">
                  <a:extLst>
                    <a:ext uri="{FF2B5EF4-FFF2-40B4-BE49-F238E27FC236}">
                      <a16:creationId xmlns:a16="http://schemas.microsoft.com/office/drawing/2014/main" id="{D92F5703-B5ED-6D81-75D6-B7234409B78F}"/>
                    </a:ext>
                  </a:extLst>
                </p:cNvPr>
                <p:cNvSpPr/>
                <p:nvPr/>
              </p:nvSpPr>
              <p:spPr>
                <a:xfrm>
                  <a:off x="-9371156" y="4164229"/>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52" name="Rectangle 851">
                  <a:extLst>
                    <a:ext uri="{FF2B5EF4-FFF2-40B4-BE49-F238E27FC236}">
                      <a16:creationId xmlns:a16="http://schemas.microsoft.com/office/drawing/2014/main" id="{C47D337B-9650-E05B-9C74-3E1AE46384BE}"/>
                    </a:ext>
                  </a:extLst>
                </p:cNvPr>
                <p:cNvSpPr/>
                <p:nvPr/>
              </p:nvSpPr>
              <p:spPr>
                <a:xfrm>
                  <a:off x="-9136301" y="4164229"/>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53" name="Rectangle 852">
                  <a:extLst>
                    <a:ext uri="{FF2B5EF4-FFF2-40B4-BE49-F238E27FC236}">
                      <a16:creationId xmlns:a16="http://schemas.microsoft.com/office/drawing/2014/main" id="{F5F790DF-6CBE-22FD-943E-50380AAAD344}"/>
                    </a:ext>
                  </a:extLst>
                </p:cNvPr>
                <p:cNvSpPr/>
                <p:nvPr/>
              </p:nvSpPr>
              <p:spPr>
                <a:xfrm>
                  <a:off x="-10545525" y="4406418"/>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54" name="Rectangle 853">
                  <a:extLst>
                    <a:ext uri="{FF2B5EF4-FFF2-40B4-BE49-F238E27FC236}">
                      <a16:creationId xmlns:a16="http://schemas.microsoft.com/office/drawing/2014/main" id="{2D601F30-DF1F-D3CB-DE76-38DAD585826F}"/>
                    </a:ext>
                  </a:extLst>
                </p:cNvPr>
                <p:cNvSpPr/>
                <p:nvPr/>
              </p:nvSpPr>
              <p:spPr>
                <a:xfrm>
                  <a:off x="-10310670" y="4406418"/>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55" name="Rectangle 854">
                  <a:extLst>
                    <a:ext uri="{FF2B5EF4-FFF2-40B4-BE49-F238E27FC236}">
                      <a16:creationId xmlns:a16="http://schemas.microsoft.com/office/drawing/2014/main" id="{7E380C35-A086-A32B-B0AF-27213F7EEED4}"/>
                    </a:ext>
                  </a:extLst>
                </p:cNvPr>
                <p:cNvSpPr/>
                <p:nvPr/>
              </p:nvSpPr>
              <p:spPr>
                <a:xfrm>
                  <a:off x="-10075784" y="4406418"/>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56" name="Rectangle 855">
                  <a:extLst>
                    <a:ext uri="{FF2B5EF4-FFF2-40B4-BE49-F238E27FC236}">
                      <a16:creationId xmlns:a16="http://schemas.microsoft.com/office/drawing/2014/main" id="{285AAFEE-E1CB-3681-F864-9519C980FE06}"/>
                    </a:ext>
                  </a:extLst>
                </p:cNvPr>
                <p:cNvSpPr/>
                <p:nvPr/>
              </p:nvSpPr>
              <p:spPr>
                <a:xfrm>
                  <a:off x="-9840929" y="4406418"/>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57" name="Rectangle 856">
                  <a:extLst>
                    <a:ext uri="{FF2B5EF4-FFF2-40B4-BE49-F238E27FC236}">
                      <a16:creationId xmlns:a16="http://schemas.microsoft.com/office/drawing/2014/main" id="{EA755131-E3A9-1008-670B-106521FB84D3}"/>
                    </a:ext>
                  </a:extLst>
                </p:cNvPr>
                <p:cNvSpPr/>
                <p:nvPr/>
              </p:nvSpPr>
              <p:spPr>
                <a:xfrm>
                  <a:off x="-9606042" y="4406418"/>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58" name="Rectangle 857">
                  <a:extLst>
                    <a:ext uri="{FF2B5EF4-FFF2-40B4-BE49-F238E27FC236}">
                      <a16:creationId xmlns:a16="http://schemas.microsoft.com/office/drawing/2014/main" id="{9C46C8EF-8537-0DC8-B72B-A54B2E7A46E7}"/>
                    </a:ext>
                  </a:extLst>
                </p:cNvPr>
                <p:cNvSpPr/>
                <p:nvPr/>
              </p:nvSpPr>
              <p:spPr>
                <a:xfrm>
                  <a:off x="-9371156" y="4406418"/>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59" name="Rectangle 858">
                  <a:extLst>
                    <a:ext uri="{FF2B5EF4-FFF2-40B4-BE49-F238E27FC236}">
                      <a16:creationId xmlns:a16="http://schemas.microsoft.com/office/drawing/2014/main" id="{FE467885-F5AF-E869-6DD4-A6CB574F3DED}"/>
                    </a:ext>
                  </a:extLst>
                </p:cNvPr>
                <p:cNvSpPr/>
                <p:nvPr/>
              </p:nvSpPr>
              <p:spPr>
                <a:xfrm>
                  <a:off x="-9136301" y="4406418"/>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60" name="Rectangle 859">
                  <a:extLst>
                    <a:ext uri="{FF2B5EF4-FFF2-40B4-BE49-F238E27FC236}">
                      <a16:creationId xmlns:a16="http://schemas.microsoft.com/office/drawing/2014/main" id="{E202CC59-86C0-4B92-B2DF-57EE19514ED3}"/>
                    </a:ext>
                  </a:extLst>
                </p:cNvPr>
                <p:cNvSpPr/>
                <p:nvPr/>
              </p:nvSpPr>
              <p:spPr>
                <a:xfrm>
                  <a:off x="-10545525" y="4648607"/>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61" name="Rectangle 860">
                  <a:extLst>
                    <a:ext uri="{FF2B5EF4-FFF2-40B4-BE49-F238E27FC236}">
                      <a16:creationId xmlns:a16="http://schemas.microsoft.com/office/drawing/2014/main" id="{7237EA01-3F33-25BF-2236-32A76EDEDD7C}"/>
                    </a:ext>
                  </a:extLst>
                </p:cNvPr>
                <p:cNvSpPr/>
                <p:nvPr/>
              </p:nvSpPr>
              <p:spPr>
                <a:xfrm>
                  <a:off x="-10310670" y="4648607"/>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62" name="Rectangle 861">
                  <a:extLst>
                    <a:ext uri="{FF2B5EF4-FFF2-40B4-BE49-F238E27FC236}">
                      <a16:creationId xmlns:a16="http://schemas.microsoft.com/office/drawing/2014/main" id="{9CC2B54B-B0C3-D843-4BED-04A100C82DE2}"/>
                    </a:ext>
                  </a:extLst>
                </p:cNvPr>
                <p:cNvSpPr/>
                <p:nvPr/>
              </p:nvSpPr>
              <p:spPr>
                <a:xfrm>
                  <a:off x="-10075784" y="4648607"/>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63" name="Rectangle 862">
                  <a:extLst>
                    <a:ext uri="{FF2B5EF4-FFF2-40B4-BE49-F238E27FC236}">
                      <a16:creationId xmlns:a16="http://schemas.microsoft.com/office/drawing/2014/main" id="{97271A4B-B2E5-61F1-E28E-624D4211C1D0}"/>
                    </a:ext>
                  </a:extLst>
                </p:cNvPr>
                <p:cNvSpPr/>
                <p:nvPr/>
              </p:nvSpPr>
              <p:spPr>
                <a:xfrm>
                  <a:off x="-9840929" y="4648607"/>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64" name="Rectangle 863">
                  <a:extLst>
                    <a:ext uri="{FF2B5EF4-FFF2-40B4-BE49-F238E27FC236}">
                      <a16:creationId xmlns:a16="http://schemas.microsoft.com/office/drawing/2014/main" id="{958F0565-D3B9-1211-DBA8-61C32C2259E1}"/>
                    </a:ext>
                  </a:extLst>
                </p:cNvPr>
                <p:cNvSpPr/>
                <p:nvPr/>
              </p:nvSpPr>
              <p:spPr>
                <a:xfrm>
                  <a:off x="-9606042" y="4648607"/>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65" name="Rectangle 864">
                  <a:extLst>
                    <a:ext uri="{FF2B5EF4-FFF2-40B4-BE49-F238E27FC236}">
                      <a16:creationId xmlns:a16="http://schemas.microsoft.com/office/drawing/2014/main" id="{75C217CD-2A56-C97A-6AB4-1335AFB8CF54}"/>
                    </a:ext>
                  </a:extLst>
                </p:cNvPr>
                <p:cNvSpPr/>
                <p:nvPr/>
              </p:nvSpPr>
              <p:spPr>
                <a:xfrm>
                  <a:off x="-9371156" y="4648607"/>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66" name="Rectangle 865">
                  <a:extLst>
                    <a:ext uri="{FF2B5EF4-FFF2-40B4-BE49-F238E27FC236}">
                      <a16:creationId xmlns:a16="http://schemas.microsoft.com/office/drawing/2014/main" id="{8AC405E3-EC22-01AD-DEFE-74CADE370C1B}"/>
                    </a:ext>
                  </a:extLst>
                </p:cNvPr>
                <p:cNvSpPr/>
                <p:nvPr/>
              </p:nvSpPr>
              <p:spPr>
                <a:xfrm>
                  <a:off x="-9136301" y="4648607"/>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67" name="Rectangle 866">
                  <a:extLst>
                    <a:ext uri="{FF2B5EF4-FFF2-40B4-BE49-F238E27FC236}">
                      <a16:creationId xmlns:a16="http://schemas.microsoft.com/office/drawing/2014/main" id="{764CBA23-F9AA-8610-DCF5-A8189E2A7CF6}"/>
                    </a:ext>
                  </a:extLst>
                </p:cNvPr>
                <p:cNvSpPr/>
                <p:nvPr/>
              </p:nvSpPr>
              <p:spPr>
                <a:xfrm>
                  <a:off x="-10545525" y="489079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68" name="Rectangle 867">
                  <a:extLst>
                    <a:ext uri="{FF2B5EF4-FFF2-40B4-BE49-F238E27FC236}">
                      <a16:creationId xmlns:a16="http://schemas.microsoft.com/office/drawing/2014/main" id="{F249A762-1CA1-B3B4-7189-5DA0794DF187}"/>
                    </a:ext>
                  </a:extLst>
                </p:cNvPr>
                <p:cNvSpPr/>
                <p:nvPr/>
              </p:nvSpPr>
              <p:spPr>
                <a:xfrm>
                  <a:off x="-10310670" y="489079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69" name="Rectangle 868">
                  <a:extLst>
                    <a:ext uri="{FF2B5EF4-FFF2-40B4-BE49-F238E27FC236}">
                      <a16:creationId xmlns:a16="http://schemas.microsoft.com/office/drawing/2014/main" id="{2C7A7E7B-5115-7AAA-E194-5B7AAC393AB7}"/>
                    </a:ext>
                  </a:extLst>
                </p:cNvPr>
                <p:cNvSpPr/>
                <p:nvPr/>
              </p:nvSpPr>
              <p:spPr>
                <a:xfrm>
                  <a:off x="-10075784" y="489079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70" name="Rectangle 869">
                  <a:extLst>
                    <a:ext uri="{FF2B5EF4-FFF2-40B4-BE49-F238E27FC236}">
                      <a16:creationId xmlns:a16="http://schemas.microsoft.com/office/drawing/2014/main" id="{E1F1A04F-CAFF-5B07-7C11-3D54091F26C6}"/>
                    </a:ext>
                  </a:extLst>
                </p:cNvPr>
                <p:cNvSpPr/>
                <p:nvPr/>
              </p:nvSpPr>
              <p:spPr>
                <a:xfrm>
                  <a:off x="-9840929" y="489079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71" name="Rectangle 870">
                  <a:extLst>
                    <a:ext uri="{FF2B5EF4-FFF2-40B4-BE49-F238E27FC236}">
                      <a16:creationId xmlns:a16="http://schemas.microsoft.com/office/drawing/2014/main" id="{427A9F35-F126-A3C6-D98D-24AA74AF182C}"/>
                    </a:ext>
                  </a:extLst>
                </p:cNvPr>
                <p:cNvSpPr/>
                <p:nvPr/>
              </p:nvSpPr>
              <p:spPr>
                <a:xfrm>
                  <a:off x="-9606042" y="489079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72" name="Rectangle 871">
                  <a:extLst>
                    <a:ext uri="{FF2B5EF4-FFF2-40B4-BE49-F238E27FC236}">
                      <a16:creationId xmlns:a16="http://schemas.microsoft.com/office/drawing/2014/main" id="{AB75AEBB-0DF2-0B20-C1A0-D8CBE9911CD1}"/>
                    </a:ext>
                  </a:extLst>
                </p:cNvPr>
                <p:cNvSpPr/>
                <p:nvPr/>
              </p:nvSpPr>
              <p:spPr>
                <a:xfrm>
                  <a:off x="-9371156" y="4890796"/>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73" name="Rectangle 872">
                  <a:extLst>
                    <a:ext uri="{FF2B5EF4-FFF2-40B4-BE49-F238E27FC236}">
                      <a16:creationId xmlns:a16="http://schemas.microsoft.com/office/drawing/2014/main" id="{0C881FC9-B86D-F467-0F21-B3AAF4C0C8B5}"/>
                    </a:ext>
                  </a:extLst>
                </p:cNvPr>
                <p:cNvSpPr/>
                <p:nvPr/>
              </p:nvSpPr>
              <p:spPr>
                <a:xfrm>
                  <a:off x="-9136301" y="4890796"/>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74" name="Rectangle 873">
                  <a:extLst>
                    <a:ext uri="{FF2B5EF4-FFF2-40B4-BE49-F238E27FC236}">
                      <a16:creationId xmlns:a16="http://schemas.microsoft.com/office/drawing/2014/main" id="{6EC794F9-41FD-EAF0-FE89-24143BFCD2E0}"/>
                    </a:ext>
                  </a:extLst>
                </p:cNvPr>
                <p:cNvSpPr/>
                <p:nvPr/>
              </p:nvSpPr>
              <p:spPr>
                <a:xfrm>
                  <a:off x="-10545525" y="513298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75" name="Rectangle 874">
                  <a:extLst>
                    <a:ext uri="{FF2B5EF4-FFF2-40B4-BE49-F238E27FC236}">
                      <a16:creationId xmlns:a16="http://schemas.microsoft.com/office/drawing/2014/main" id="{B09FEA90-036E-65A6-43A0-749436A5E17D}"/>
                    </a:ext>
                  </a:extLst>
                </p:cNvPr>
                <p:cNvSpPr/>
                <p:nvPr/>
              </p:nvSpPr>
              <p:spPr>
                <a:xfrm>
                  <a:off x="-10310670" y="513298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76" name="Rectangle 875">
                  <a:extLst>
                    <a:ext uri="{FF2B5EF4-FFF2-40B4-BE49-F238E27FC236}">
                      <a16:creationId xmlns:a16="http://schemas.microsoft.com/office/drawing/2014/main" id="{C43CFE7A-A37B-8D95-4EC8-E5EEE39BB293}"/>
                    </a:ext>
                  </a:extLst>
                </p:cNvPr>
                <p:cNvSpPr/>
                <p:nvPr/>
              </p:nvSpPr>
              <p:spPr>
                <a:xfrm>
                  <a:off x="-10075784" y="513298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77" name="Rectangle 876">
                  <a:extLst>
                    <a:ext uri="{FF2B5EF4-FFF2-40B4-BE49-F238E27FC236}">
                      <a16:creationId xmlns:a16="http://schemas.microsoft.com/office/drawing/2014/main" id="{32F37628-162D-256D-57E8-B81EC4B67F99}"/>
                    </a:ext>
                  </a:extLst>
                </p:cNvPr>
                <p:cNvSpPr/>
                <p:nvPr/>
              </p:nvSpPr>
              <p:spPr>
                <a:xfrm>
                  <a:off x="-9840929" y="513298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78" name="Rectangle 877">
                  <a:extLst>
                    <a:ext uri="{FF2B5EF4-FFF2-40B4-BE49-F238E27FC236}">
                      <a16:creationId xmlns:a16="http://schemas.microsoft.com/office/drawing/2014/main" id="{24F54BB8-4E29-CAFD-8890-78BF5BE76065}"/>
                    </a:ext>
                  </a:extLst>
                </p:cNvPr>
                <p:cNvSpPr/>
                <p:nvPr/>
              </p:nvSpPr>
              <p:spPr>
                <a:xfrm>
                  <a:off x="-9606042" y="513298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79" name="Rectangle 878">
                  <a:extLst>
                    <a:ext uri="{FF2B5EF4-FFF2-40B4-BE49-F238E27FC236}">
                      <a16:creationId xmlns:a16="http://schemas.microsoft.com/office/drawing/2014/main" id="{0F8B028A-9243-79D4-FF7C-1A6E8908AEB9}"/>
                    </a:ext>
                  </a:extLst>
                </p:cNvPr>
                <p:cNvSpPr/>
                <p:nvPr/>
              </p:nvSpPr>
              <p:spPr>
                <a:xfrm>
                  <a:off x="-9371156" y="5132985"/>
                  <a:ext cx="28829"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80" name="Rectangle 879">
                  <a:extLst>
                    <a:ext uri="{FF2B5EF4-FFF2-40B4-BE49-F238E27FC236}">
                      <a16:creationId xmlns:a16="http://schemas.microsoft.com/office/drawing/2014/main" id="{015B3D38-C640-B421-664A-008EC76915F4}"/>
                    </a:ext>
                  </a:extLst>
                </p:cNvPr>
                <p:cNvSpPr/>
                <p:nvPr/>
              </p:nvSpPr>
              <p:spPr>
                <a:xfrm>
                  <a:off x="-9136301" y="513298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grpSp>
        </p:grpSp>
        <p:grpSp>
          <p:nvGrpSpPr>
            <p:cNvPr id="628" name="Graphic 58">
              <a:extLst>
                <a:ext uri="{FF2B5EF4-FFF2-40B4-BE49-F238E27FC236}">
                  <a16:creationId xmlns:a16="http://schemas.microsoft.com/office/drawing/2014/main" id="{5AADDA76-F6DC-D679-26F4-D47D5D031C71}"/>
                </a:ext>
              </a:extLst>
            </p:cNvPr>
            <p:cNvGrpSpPr/>
            <p:nvPr/>
          </p:nvGrpSpPr>
          <p:grpSpPr>
            <a:xfrm>
              <a:off x="-5998004" y="1249357"/>
              <a:ext cx="1438052" cy="3167379"/>
              <a:chOff x="-5998004" y="1249357"/>
              <a:chExt cx="1438052" cy="3167379"/>
            </a:xfrm>
            <a:grpFill/>
          </p:grpSpPr>
          <p:grpSp>
            <p:nvGrpSpPr>
              <p:cNvPr id="730" name="Graphic 58">
                <a:extLst>
                  <a:ext uri="{FF2B5EF4-FFF2-40B4-BE49-F238E27FC236}">
                    <a16:creationId xmlns:a16="http://schemas.microsoft.com/office/drawing/2014/main" id="{F2EE4671-7BE0-A934-228C-5360BE1505DF}"/>
                  </a:ext>
                </a:extLst>
              </p:cNvPr>
              <p:cNvGrpSpPr/>
              <p:nvPr/>
            </p:nvGrpSpPr>
            <p:grpSpPr>
              <a:xfrm>
                <a:off x="-5998004" y="2934742"/>
                <a:ext cx="1438052" cy="1481994"/>
                <a:chOff x="-5998004" y="2934742"/>
                <a:chExt cx="1438052" cy="1481994"/>
              </a:xfrm>
              <a:grpFill/>
            </p:grpSpPr>
            <p:sp>
              <p:nvSpPr>
                <p:cNvPr id="781" name="Rectangle 780">
                  <a:extLst>
                    <a:ext uri="{FF2B5EF4-FFF2-40B4-BE49-F238E27FC236}">
                      <a16:creationId xmlns:a16="http://schemas.microsoft.com/office/drawing/2014/main" id="{25388B6E-3C62-5AE5-A259-8936AE44A309}"/>
                    </a:ext>
                  </a:extLst>
                </p:cNvPr>
                <p:cNvSpPr/>
                <p:nvPr/>
              </p:nvSpPr>
              <p:spPr>
                <a:xfrm>
                  <a:off x="-5998004" y="293474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82" name="Rectangle 781">
                  <a:extLst>
                    <a:ext uri="{FF2B5EF4-FFF2-40B4-BE49-F238E27FC236}">
                      <a16:creationId xmlns:a16="http://schemas.microsoft.com/office/drawing/2014/main" id="{85320047-76F2-E8CD-1D32-C24691D782F0}"/>
                    </a:ext>
                  </a:extLst>
                </p:cNvPr>
                <p:cNvSpPr/>
                <p:nvPr/>
              </p:nvSpPr>
              <p:spPr>
                <a:xfrm>
                  <a:off x="-5763149" y="293474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83" name="Rectangle 782">
                  <a:extLst>
                    <a:ext uri="{FF2B5EF4-FFF2-40B4-BE49-F238E27FC236}">
                      <a16:creationId xmlns:a16="http://schemas.microsoft.com/office/drawing/2014/main" id="{FA1802B8-45F2-5EA0-F1B9-D3B94FC11B5D}"/>
                    </a:ext>
                  </a:extLst>
                </p:cNvPr>
                <p:cNvSpPr/>
                <p:nvPr/>
              </p:nvSpPr>
              <p:spPr>
                <a:xfrm>
                  <a:off x="-5528263" y="293474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84" name="Rectangle 783">
                  <a:extLst>
                    <a:ext uri="{FF2B5EF4-FFF2-40B4-BE49-F238E27FC236}">
                      <a16:creationId xmlns:a16="http://schemas.microsoft.com/office/drawing/2014/main" id="{A10B5904-7358-F399-5539-35960AC7D9C3}"/>
                    </a:ext>
                  </a:extLst>
                </p:cNvPr>
                <p:cNvSpPr/>
                <p:nvPr/>
              </p:nvSpPr>
              <p:spPr>
                <a:xfrm>
                  <a:off x="-5293408" y="293474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85" name="Rectangle 784">
                  <a:extLst>
                    <a:ext uri="{FF2B5EF4-FFF2-40B4-BE49-F238E27FC236}">
                      <a16:creationId xmlns:a16="http://schemas.microsoft.com/office/drawing/2014/main" id="{A3C508DA-A36A-8249-F3E7-3165DE0349D0}"/>
                    </a:ext>
                  </a:extLst>
                </p:cNvPr>
                <p:cNvSpPr/>
                <p:nvPr/>
              </p:nvSpPr>
              <p:spPr>
                <a:xfrm>
                  <a:off x="-5058522" y="293474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86" name="Rectangle 785">
                  <a:extLst>
                    <a:ext uri="{FF2B5EF4-FFF2-40B4-BE49-F238E27FC236}">
                      <a16:creationId xmlns:a16="http://schemas.microsoft.com/office/drawing/2014/main" id="{875C4923-1436-7226-D34D-4FDC2BFF3C7F}"/>
                    </a:ext>
                  </a:extLst>
                </p:cNvPr>
                <p:cNvSpPr/>
                <p:nvPr/>
              </p:nvSpPr>
              <p:spPr>
                <a:xfrm>
                  <a:off x="-4823635" y="293474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87" name="Rectangle 786">
                  <a:extLst>
                    <a:ext uri="{FF2B5EF4-FFF2-40B4-BE49-F238E27FC236}">
                      <a16:creationId xmlns:a16="http://schemas.microsoft.com/office/drawing/2014/main" id="{32922CC1-AD9F-A411-8BA1-2E3320EB5AE5}"/>
                    </a:ext>
                  </a:extLst>
                </p:cNvPr>
                <p:cNvSpPr/>
                <p:nvPr/>
              </p:nvSpPr>
              <p:spPr>
                <a:xfrm>
                  <a:off x="-4588780" y="293474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88" name="Rectangle 787">
                  <a:extLst>
                    <a:ext uri="{FF2B5EF4-FFF2-40B4-BE49-F238E27FC236}">
                      <a16:creationId xmlns:a16="http://schemas.microsoft.com/office/drawing/2014/main" id="{C5892767-19A9-1EFB-DB01-EAC14BBB2EEF}"/>
                    </a:ext>
                  </a:extLst>
                </p:cNvPr>
                <p:cNvSpPr/>
                <p:nvPr/>
              </p:nvSpPr>
              <p:spPr>
                <a:xfrm>
                  <a:off x="-5998004" y="317693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89" name="Rectangle 788">
                  <a:extLst>
                    <a:ext uri="{FF2B5EF4-FFF2-40B4-BE49-F238E27FC236}">
                      <a16:creationId xmlns:a16="http://schemas.microsoft.com/office/drawing/2014/main" id="{1D1FCB0E-1615-6A32-5E5B-E8D5D3094C7C}"/>
                    </a:ext>
                  </a:extLst>
                </p:cNvPr>
                <p:cNvSpPr/>
                <p:nvPr/>
              </p:nvSpPr>
              <p:spPr>
                <a:xfrm>
                  <a:off x="-5763149" y="317693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90" name="Rectangle 789">
                  <a:extLst>
                    <a:ext uri="{FF2B5EF4-FFF2-40B4-BE49-F238E27FC236}">
                      <a16:creationId xmlns:a16="http://schemas.microsoft.com/office/drawing/2014/main" id="{AAD3403D-6799-7F3E-D323-EA7E54E63522}"/>
                    </a:ext>
                  </a:extLst>
                </p:cNvPr>
                <p:cNvSpPr/>
                <p:nvPr/>
              </p:nvSpPr>
              <p:spPr>
                <a:xfrm>
                  <a:off x="-5528263" y="317693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91" name="Rectangle 790">
                  <a:extLst>
                    <a:ext uri="{FF2B5EF4-FFF2-40B4-BE49-F238E27FC236}">
                      <a16:creationId xmlns:a16="http://schemas.microsoft.com/office/drawing/2014/main" id="{9E397A7D-9D59-F9A0-E911-F5A6D017544F}"/>
                    </a:ext>
                  </a:extLst>
                </p:cNvPr>
                <p:cNvSpPr/>
                <p:nvPr/>
              </p:nvSpPr>
              <p:spPr>
                <a:xfrm>
                  <a:off x="-5293408" y="317693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92" name="Rectangle 791">
                  <a:extLst>
                    <a:ext uri="{FF2B5EF4-FFF2-40B4-BE49-F238E27FC236}">
                      <a16:creationId xmlns:a16="http://schemas.microsoft.com/office/drawing/2014/main" id="{8E35F8E5-56EE-0777-0AB3-A77A090192A4}"/>
                    </a:ext>
                  </a:extLst>
                </p:cNvPr>
                <p:cNvSpPr/>
                <p:nvPr/>
              </p:nvSpPr>
              <p:spPr>
                <a:xfrm>
                  <a:off x="-5058522" y="317693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93" name="Rectangle 792">
                  <a:extLst>
                    <a:ext uri="{FF2B5EF4-FFF2-40B4-BE49-F238E27FC236}">
                      <a16:creationId xmlns:a16="http://schemas.microsoft.com/office/drawing/2014/main" id="{FFE16FC5-93F5-DCC1-665B-DF5000C1D5C7}"/>
                    </a:ext>
                  </a:extLst>
                </p:cNvPr>
                <p:cNvSpPr/>
                <p:nvPr/>
              </p:nvSpPr>
              <p:spPr>
                <a:xfrm>
                  <a:off x="-4823635" y="317693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94" name="Rectangle 793">
                  <a:extLst>
                    <a:ext uri="{FF2B5EF4-FFF2-40B4-BE49-F238E27FC236}">
                      <a16:creationId xmlns:a16="http://schemas.microsoft.com/office/drawing/2014/main" id="{E94A8DBD-79B5-8445-FB32-D82EAA3A9762}"/>
                    </a:ext>
                  </a:extLst>
                </p:cNvPr>
                <p:cNvSpPr/>
                <p:nvPr/>
              </p:nvSpPr>
              <p:spPr>
                <a:xfrm>
                  <a:off x="-4588780" y="317693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95" name="Rectangle 794">
                  <a:extLst>
                    <a:ext uri="{FF2B5EF4-FFF2-40B4-BE49-F238E27FC236}">
                      <a16:creationId xmlns:a16="http://schemas.microsoft.com/office/drawing/2014/main" id="{0A92C526-C004-0D88-AC4B-29235F503FD2}"/>
                    </a:ext>
                  </a:extLst>
                </p:cNvPr>
                <p:cNvSpPr/>
                <p:nvPr/>
              </p:nvSpPr>
              <p:spPr>
                <a:xfrm>
                  <a:off x="-5998004" y="341912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96" name="Rectangle 795">
                  <a:extLst>
                    <a:ext uri="{FF2B5EF4-FFF2-40B4-BE49-F238E27FC236}">
                      <a16:creationId xmlns:a16="http://schemas.microsoft.com/office/drawing/2014/main" id="{299BDE6C-CF8A-9F4A-431B-8E7B8DAD27B4}"/>
                    </a:ext>
                  </a:extLst>
                </p:cNvPr>
                <p:cNvSpPr/>
                <p:nvPr/>
              </p:nvSpPr>
              <p:spPr>
                <a:xfrm>
                  <a:off x="-5763149" y="341912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97" name="Rectangle 796">
                  <a:extLst>
                    <a:ext uri="{FF2B5EF4-FFF2-40B4-BE49-F238E27FC236}">
                      <a16:creationId xmlns:a16="http://schemas.microsoft.com/office/drawing/2014/main" id="{4CD39F51-57EF-2EA4-AFF0-469B2F664506}"/>
                    </a:ext>
                  </a:extLst>
                </p:cNvPr>
                <p:cNvSpPr/>
                <p:nvPr/>
              </p:nvSpPr>
              <p:spPr>
                <a:xfrm>
                  <a:off x="-5528263" y="341912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98" name="Rectangle 797">
                  <a:extLst>
                    <a:ext uri="{FF2B5EF4-FFF2-40B4-BE49-F238E27FC236}">
                      <a16:creationId xmlns:a16="http://schemas.microsoft.com/office/drawing/2014/main" id="{BEA3284D-BABF-891B-C20F-45F424F62398}"/>
                    </a:ext>
                  </a:extLst>
                </p:cNvPr>
                <p:cNvSpPr/>
                <p:nvPr/>
              </p:nvSpPr>
              <p:spPr>
                <a:xfrm>
                  <a:off x="-5293408" y="341912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99" name="Rectangle 798">
                  <a:extLst>
                    <a:ext uri="{FF2B5EF4-FFF2-40B4-BE49-F238E27FC236}">
                      <a16:creationId xmlns:a16="http://schemas.microsoft.com/office/drawing/2014/main" id="{B5B084A6-D1B3-07B8-C8B1-CD477189CE70}"/>
                    </a:ext>
                  </a:extLst>
                </p:cNvPr>
                <p:cNvSpPr/>
                <p:nvPr/>
              </p:nvSpPr>
              <p:spPr>
                <a:xfrm>
                  <a:off x="-5058522" y="341912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00" name="Rectangle 799">
                  <a:extLst>
                    <a:ext uri="{FF2B5EF4-FFF2-40B4-BE49-F238E27FC236}">
                      <a16:creationId xmlns:a16="http://schemas.microsoft.com/office/drawing/2014/main" id="{D28FA905-B455-FC51-C987-1935F90E5DAA}"/>
                    </a:ext>
                  </a:extLst>
                </p:cNvPr>
                <p:cNvSpPr/>
                <p:nvPr/>
              </p:nvSpPr>
              <p:spPr>
                <a:xfrm>
                  <a:off x="-4823635" y="341912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01" name="Rectangle 800">
                  <a:extLst>
                    <a:ext uri="{FF2B5EF4-FFF2-40B4-BE49-F238E27FC236}">
                      <a16:creationId xmlns:a16="http://schemas.microsoft.com/office/drawing/2014/main" id="{AFFF716F-B10C-571D-607D-CF3AE4B3BBE0}"/>
                    </a:ext>
                  </a:extLst>
                </p:cNvPr>
                <p:cNvSpPr/>
                <p:nvPr/>
              </p:nvSpPr>
              <p:spPr>
                <a:xfrm>
                  <a:off x="-4588780" y="341912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02" name="Rectangle 801">
                  <a:extLst>
                    <a:ext uri="{FF2B5EF4-FFF2-40B4-BE49-F238E27FC236}">
                      <a16:creationId xmlns:a16="http://schemas.microsoft.com/office/drawing/2014/main" id="{17816E0A-4405-2767-137F-C3FC413138B5}"/>
                    </a:ext>
                  </a:extLst>
                </p:cNvPr>
                <p:cNvSpPr/>
                <p:nvPr/>
              </p:nvSpPr>
              <p:spPr>
                <a:xfrm>
                  <a:off x="-5998004" y="366130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03" name="Rectangle 802">
                  <a:extLst>
                    <a:ext uri="{FF2B5EF4-FFF2-40B4-BE49-F238E27FC236}">
                      <a16:creationId xmlns:a16="http://schemas.microsoft.com/office/drawing/2014/main" id="{BC5EA8D1-6873-77D6-25A2-17D46B239783}"/>
                    </a:ext>
                  </a:extLst>
                </p:cNvPr>
                <p:cNvSpPr/>
                <p:nvPr/>
              </p:nvSpPr>
              <p:spPr>
                <a:xfrm>
                  <a:off x="-5763149" y="366130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04" name="Rectangle 803">
                  <a:extLst>
                    <a:ext uri="{FF2B5EF4-FFF2-40B4-BE49-F238E27FC236}">
                      <a16:creationId xmlns:a16="http://schemas.microsoft.com/office/drawing/2014/main" id="{965A3EF2-DF50-4389-404E-E8F6D5A3A379}"/>
                    </a:ext>
                  </a:extLst>
                </p:cNvPr>
                <p:cNvSpPr/>
                <p:nvPr/>
              </p:nvSpPr>
              <p:spPr>
                <a:xfrm>
                  <a:off x="-5528263" y="366130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05" name="Rectangle 804">
                  <a:extLst>
                    <a:ext uri="{FF2B5EF4-FFF2-40B4-BE49-F238E27FC236}">
                      <a16:creationId xmlns:a16="http://schemas.microsoft.com/office/drawing/2014/main" id="{7A245EED-0A4B-346B-EFFE-A59065BC5CC9}"/>
                    </a:ext>
                  </a:extLst>
                </p:cNvPr>
                <p:cNvSpPr/>
                <p:nvPr/>
              </p:nvSpPr>
              <p:spPr>
                <a:xfrm>
                  <a:off x="-5293408" y="366130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06" name="Rectangle 805">
                  <a:extLst>
                    <a:ext uri="{FF2B5EF4-FFF2-40B4-BE49-F238E27FC236}">
                      <a16:creationId xmlns:a16="http://schemas.microsoft.com/office/drawing/2014/main" id="{2867DA12-9574-7365-5A10-B5194DC4A6E7}"/>
                    </a:ext>
                  </a:extLst>
                </p:cNvPr>
                <p:cNvSpPr/>
                <p:nvPr/>
              </p:nvSpPr>
              <p:spPr>
                <a:xfrm>
                  <a:off x="-5058522" y="366130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07" name="Rectangle 806">
                  <a:extLst>
                    <a:ext uri="{FF2B5EF4-FFF2-40B4-BE49-F238E27FC236}">
                      <a16:creationId xmlns:a16="http://schemas.microsoft.com/office/drawing/2014/main" id="{C61BC675-D690-2B27-2E41-4584D1F63A5A}"/>
                    </a:ext>
                  </a:extLst>
                </p:cNvPr>
                <p:cNvSpPr/>
                <p:nvPr/>
              </p:nvSpPr>
              <p:spPr>
                <a:xfrm>
                  <a:off x="-4823635" y="366130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08" name="Rectangle 807">
                  <a:extLst>
                    <a:ext uri="{FF2B5EF4-FFF2-40B4-BE49-F238E27FC236}">
                      <a16:creationId xmlns:a16="http://schemas.microsoft.com/office/drawing/2014/main" id="{425D8EC9-5788-33C2-BAD2-9D56DA5D31DA}"/>
                    </a:ext>
                  </a:extLst>
                </p:cNvPr>
                <p:cNvSpPr/>
                <p:nvPr/>
              </p:nvSpPr>
              <p:spPr>
                <a:xfrm>
                  <a:off x="-4588780" y="366130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09" name="Rectangle 808">
                  <a:extLst>
                    <a:ext uri="{FF2B5EF4-FFF2-40B4-BE49-F238E27FC236}">
                      <a16:creationId xmlns:a16="http://schemas.microsoft.com/office/drawing/2014/main" id="{352013EE-AE6C-C4AA-FFFE-7B74A94F0F7D}"/>
                    </a:ext>
                  </a:extLst>
                </p:cNvPr>
                <p:cNvSpPr/>
                <p:nvPr/>
              </p:nvSpPr>
              <p:spPr>
                <a:xfrm>
                  <a:off x="-5998004" y="390349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10" name="Rectangle 809">
                  <a:extLst>
                    <a:ext uri="{FF2B5EF4-FFF2-40B4-BE49-F238E27FC236}">
                      <a16:creationId xmlns:a16="http://schemas.microsoft.com/office/drawing/2014/main" id="{6C476098-1999-8458-711D-EB6762D7A25C}"/>
                    </a:ext>
                  </a:extLst>
                </p:cNvPr>
                <p:cNvSpPr/>
                <p:nvPr/>
              </p:nvSpPr>
              <p:spPr>
                <a:xfrm>
                  <a:off x="-5763149" y="390349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11" name="Rectangle 810">
                  <a:extLst>
                    <a:ext uri="{FF2B5EF4-FFF2-40B4-BE49-F238E27FC236}">
                      <a16:creationId xmlns:a16="http://schemas.microsoft.com/office/drawing/2014/main" id="{D5DB2767-0043-019D-4E98-E498ED69DBC5}"/>
                    </a:ext>
                  </a:extLst>
                </p:cNvPr>
                <p:cNvSpPr/>
                <p:nvPr/>
              </p:nvSpPr>
              <p:spPr>
                <a:xfrm>
                  <a:off x="-5528263" y="390349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12" name="Rectangle 811">
                  <a:extLst>
                    <a:ext uri="{FF2B5EF4-FFF2-40B4-BE49-F238E27FC236}">
                      <a16:creationId xmlns:a16="http://schemas.microsoft.com/office/drawing/2014/main" id="{9EFC14BA-B18D-2FB5-3C81-44968C1F427F}"/>
                    </a:ext>
                  </a:extLst>
                </p:cNvPr>
                <p:cNvSpPr/>
                <p:nvPr/>
              </p:nvSpPr>
              <p:spPr>
                <a:xfrm>
                  <a:off x="-5293408" y="390349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13" name="Rectangle 812">
                  <a:extLst>
                    <a:ext uri="{FF2B5EF4-FFF2-40B4-BE49-F238E27FC236}">
                      <a16:creationId xmlns:a16="http://schemas.microsoft.com/office/drawing/2014/main" id="{7AF338D5-7787-3477-CFBE-E0321BAA52F2}"/>
                    </a:ext>
                  </a:extLst>
                </p:cNvPr>
                <p:cNvSpPr/>
                <p:nvPr/>
              </p:nvSpPr>
              <p:spPr>
                <a:xfrm>
                  <a:off x="-5058522" y="390349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14" name="Rectangle 813">
                  <a:extLst>
                    <a:ext uri="{FF2B5EF4-FFF2-40B4-BE49-F238E27FC236}">
                      <a16:creationId xmlns:a16="http://schemas.microsoft.com/office/drawing/2014/main" id="{3BDB0F49-96EE-14F5-6574-6B8EA7C9FB5C}"/>
                    </a:ext>
                  </a:extLst>
                </p:cNvPr>
                <p:cNvSpPr/>
                <p:nvPr/>
              </p:nvSpPr>
              <p:spPr>
                <a:xfrm>
                  <a:off x="-4823635" y="390349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15" name="Rectangle 814">
                  <a:extLst>
                    <a:ext uri="{FF2B5EF4-FFF2-40B4-BE49-F238E27FC236}">
                      <a16:creationId xmlns:a16="http://schemas.microsoft.com/office/drawing/2014/main" id="{9B327003-CD31-5852-F5D9-0A00AD2C2A7F}"/>
                    </a:ext>
                  </a:extLst>
                </p:cNvPr>
                <p:cNvSpPr/>
                <p:nvPr/>
              </p:nvSpPr>
              <p:spPr>
                <a:xfrm>
                  <a:off x="-4588780" y="390349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16" name="Rectangle 815">
                  <a:extLst>
                    <a:ext uri="{FF2B5EF4-FFF2-40B4-BE49-F238E27FC236}">
                      <a16:creationId xmlns:a16="http://schemas.microsoft.com/office/drawing/2014/main" id="{F6B8F96C-3521-6CCF-F68B-A5C7337EB98C}"/>
                    </a:ext>
                  </a:extLst>
                </p:cNvPr>
                <p:cNvSpPr/>
                <p:nvPr/>
              </p:nvSpPr>
              <p:spPr>
                <a:xfrm>
                  <a:off x="-5998004" y="4145687"/>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17" name="Rectangle 816">
                  <a:extLst>
                    <a:ext uri="{FF2B5EF4-FFF2-40B4-BE49-F238E27FC236}">
                      <a16:creationId xmlns:a16="http://schemas.microsoft.com/office/drawing/2014/main" id="{A03C9C1D-5279-DCFD-A41B-DD6976EFC9CE}"/>
                    </a:ext>
                  </a:extLst>
                </p:cNvPr>
                <p:cNvSpPr/>
                <p:nvPr/>
              </p:nvSpPr>
              <p:spPr>
                <a:xfrm>
                  <a:off x="-5763149" y="4145687"/>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18" name="Rectangle 817">
                  <a:extLst>
                    <a:ext uri="{FF2B5EF4-FFF2-40B4-BE49-F238E27FC236}">
                      <a16:creationId xmlns:a16="http://schemas.microsoft.com/office/drawing/2014/main" id="{1C66F432-FB68-C57A-660B-694A21FB0CC6}"/>
                    </a:ext>
                  </a:extLst>
                </p:cNvPr>
                <p:cNvSpPr/>
                <p:nvPr/>
              </p:nvSpPr>
              <p:spPr>
                <a:xfrm>
                  <a:off x="-5528263" y="4145687"/>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19" name="Rectangle 818">
                  <a:extLst>
                    <a:ext uri="{FF2B5EF4-FFF2-40B4-BE49-F238E27FC236}">
                      <a16:creationId xmlns:a16="http://schemas.microsoft.com/office/drawing/2014/main" id="{3CC13235-6E19-81A5-34CD-0D30DD4F560C}"/>
                    </a:ext>
                  </a:extLst>
                </p:cNvPr>
                <p:cNvSpPr/>
                <p:nvPr/>
              </p:nvSpPr>
              <p:spPr>
                <a:xfrm>
                  <a:off x="-5293408" y="4145687"/>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20" name="Rectangle 819">
                  <a:extLst>
                    <a:ext uri="{FF2B5EF4-FFF2-40B4-BE49-F238E27FC236}">
                      <a16:creationId xmlns:a16="http://schemas.microsoft.com/office/drawing/2014/main" id="{5022FFBD-A437-7729-BA37-E97C05277B52}"/>
                    </a:ext>
                  </a:extLst>
                </p:cNvPr>
                <p:cNvSpPr/>
                <p:nvPr/>
              </p:nvSpPr>
              <p:spPr>
                <a:xfrm>
                  <a:off x="-5058522" y="4145687"/>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21" name="Rectangle 820">
                  <a:extLst>
                    <a:ext uri="{FF2B5EF4-FFF2-40B4-BE49-F238E27FC236}">
                      <a16:creationId xmlns:a16="http://schemas.microsoft.com/office/drawing/2014/main" id="{F3EF16D7-EA4B-3605-29B0-BA7A3E5FB49C}"/>
                    </a:ext>
                  </a:extLst>
                </p:cNvPr>
                <p:cNvSpPr/>
                <p:nvPr/>
              </p:nvSpPr>
              <p:spPr>
                <a:xfrm>
                  <a:off x="-4823635" y="4145687"/>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22" name="Rectangle 821">
                  <a:extLst>
                    <a:ext uri="{FF2B5EF4-FFF2-40B4-BE49-F238E27FC236}">
                      <a16:creationId xmlns:a16="http://schemas.microsoft.com/office/drawing/2014/main" id="{499E0FA0-3099-63B5-688B-3CCD36DB7F41}"/>
                    </a:ext>
                  </a:extLst>
                </p:cNvPr>
                <p:cNvSpPr/>
                <p:nvPr/>
              </p:nvSpPr>
              <p:spPr>
                <a:xfrm>
                  <a:off x="-4588780" y="4145687"/>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23" name="Rectangle 822">
                  <a:extLst>
                    <a:ext uri="{FF2B5EF4-FFF2-40B4-BE49-F238E27FC236}">
                      <a16:creationId xmlns:a16="http://schemas.microsoft.com/office/drawing/2014/main" id="{42DAD766-733C-8678-A881-64D7F9B0F33A}"/>
                    </a:ext>
                  </a:extLst>
                </p:cNvPr>
                <p:cNvSpPr/>
                <p:nvPr/>
              </p:nvSpPr>
              <p:spPr>
                <a:xfrm>
                  <a:off x="-5998004" y="4387908"/>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24" name="Rectangle 823">
                  <a:extLst>
                    <a:ext uri="{FF2B5EF4-FFF2-40B4-BE49-F238E27FC236}">
                      <a16:creationId xmlns:a16="http://schemas.microsoft.com/office/drawing/2014/main" id="{088B154D-9434-BD42-605E-21291D8D5213}"/>
                    </a:ext>
                  </a:extLst>
                </p:cNvPr>
                <p:cNvSpPr/>
                <p:nvPr/>
              </p:nvSpPr>
              <p:spPr>
                <a:xfrm>
                  <a:off x="-5763149" y="4387908"/>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25" name="Rectangle 824">
                  <a:extLst>
                    <a:ext uri="{FF2B5EF4-FFF2-40B4-BE49-F238E27FC236}">
                      <a16:creationId xmlns:a16="http://schemas.microsoft.com/office/drawing/2014/main" id="{939F12BF-F8E0-A2D5-18D5-AFE93E5DB780}"/>
                    </a:ext>
                  </a:extLst>
                </p:cNvPr>
                <p:cNvSpPr/>
                <p:nvPr/>
              </p:nvSpPr>
              <p:spPr>
                <a:xfrm>
                  <a:off x="-5528263" y="4387908"/>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26" name="Rectangle 825">
                  <a:extLst>
                    <a:ext uri="{FF2B5EF4-FFF2-40B4-BE49-F238E27FC236}">
                      <a16:creationId xmlns:a16="http://schemas.microsoft.com/office/drawing/2014/main" id="{597B4190-A7F1-CBC9-899B-6593A2E95FAD}"/>
                    </a:ext>
                  </a:extLst>
                </p:cNvPr>
                <p:cNvSpPr/>
                <p:nvPr/>
              </p:nvSpPr>
              <p:spPr>
                <a:xfrm>
                  <a:off x="-5293408" y="4387908"/>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27" name="Rectangle 826">
                  <a:extLst>
                    <a:ext uri="{FF2B5EF4-FFF2-40B4-BE49-F238E27FC236}">
                      <a16:creationId xmlns:a16="http://schemas.microsoft.com/office/drawing/2014/main" id="{93827416-57DB-36C3-095A-00C5775D1CA5}"/>
                    </a:ext>
                  </a:extLst>
                </p:cNvPr>
                <p:cNvSpPr/>
                <p:nvPr/>
              </p:nvSpPr>
              <p:spPr>
                <a:xfrm>
                  <a:off x="-5058522" y="4387908"/>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28" name="Rectangle 827">
                  <a:extLst>
                    <a:ext uri="{FF2B5EF4-FFF2-40B4-BE49-F238E27FC236}">
                      <a16:creationId xmlns:a16="http://schemas.microsoft.com/office/drawing/2014/main" id="{E4DF63F1-D9B2-778E-A284-EC23AC93F8B5}"/>
                    </a:ext>
                  </a:extLst>
                </p:cNvPr>
                <p:cNvSpPr/>
                <p:nvPr/>
              </p:nvSpPr>
              <p:spPr>
                <a:xfrm>
                  <a:off x="-4823635" y="4387908"/>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829" name="Rectangle 828">
                  <a:extLst>
                    <a:ext uri="{FF2B5EF4-FFF2-40B4-BE49-F238E27FC236}">
                      <a16:creationId xmlns:a16="http://schemas.microsoft.com/office/drawing/2014/main" id="{C5DFC3E3-974F-0FA4-4556-46A6899CC2B7}"/>
                    </a:ext>
                  </a:extLst>
                </p:cNvPr>
                <p:cNvSpPr/>
                <p:nvPr/>
              </p:nvSpPr>
              <p:spPr>
                <a:xfrm>
                  <a:off x="-4588780" y="4387908"/>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grpSp>
          <p:grpSp>
            <p:nvGrpSpPr>
              <p:cNvPr id="731" name="Graphic 58">
                <a:extLst>
                  <a:ext uri="{FF2B5EF4-FFF2-40B4-BE49-F238E27FC236}">
                    <a16:creationId xmlns:a16="http://schemas.microsoft.com/office/drawing/2014/main" id="{C1C4EFC1-6A03-250F-0815-06B578470D5E}"/>
                  </a:ext>
                </a:extLst>
              </p:cNvPr>
              <p:cNvGrpSpPr/>
              <p:nvPr/>
            </p:nvGrpSpPr>
            <p:grpSpPr>
              <a:xfrm>
                <a:off x="-5998004" y="1249357"/>
                <a:ext cx="1438052" cy="1481994"/>
                <a:chOff x="-5998004" y="1249357"/>
                <a:chExt cx="1438052" cy="1481994"/>
              </a:xfrm>
              <a:grpFill/>
            </p:grpSpPr>
            <p:sp>
              <p:nvSpPr>
                <p:cNvPr id="732" name="Rectangle 731">
                  <a:extLst>
                    <a:ext uri="{FF2B5EF4-FFF2-40B4-BE49-F238E27FC236}">
                      <a16:creationId xmlns:a16="http://schemas.microsoft.com/office/drawing/2014/main" id="{847C72C8-4DCF-8F50-9064-663EEAB66484}"/>
                    </a:ext>
                  </a:extLst>
                </p:cNvPr>
                <p:cNvSpPr/>
                <p:nvPr/>
              </p:nvSpPr>
              <p:spPr>
                <a:xfrm>
                  <a:off x="-5998004" y="124935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33" name="Rectangle 732">
                  <a:extLst>
                    <a:ext uri="{FF2B5EF4-FFF2-40B4-BE49-F238E27FC236}">
                      <a16:creationId xmlns:a16="http://schemas.microsoft.com/office/drawing/2014/main" id="{393DC484-7BCB-65D4-07A2-2DFFEC9CCA61}"/>
                    </a:ext>
                  </a:extLst>
                </p:cNvPr>
                <p:cNvSpPr/>
                <p:nvPr/>
              </p:nvSpPr>
              <p:spPr>
                <a:xfrm>
                  <a:off x="-5763149" y="124935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34" name="Rectangle 733">
                  <a:extLst>
                    <a:ext uri="{FF2B5EF4-FFF2-40B4-BE49-F238E27FC236}">
                      <a16:creationId xmlns:a16="http://schemas.microsoft.com/office/drawing/2014/main" id="{44C22D9D-71E0-4866-3690-B761CBC1D7E8}"/>
                    </a:ext>
                  </a:extLst>
                </p:cNvPr>
                <p:cNvSpPr/>
                <p:nvPr/>
              </p:nvSpPr>
              <p:spPr>
                <a:xfrm>
                  <a:off x="-5528263" y="124935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35" name="Rectangle 734">
                  <a:extLst>
                    <a:ext uri="{FF2B5EF4-FFF2-40B4-BE49-F238E27FC236}">
                      <a16:creationId xmlns:a16="http://schemas.microsoft.com/office/drawing/2014/main" id="{B032FB98-ECE2-125A-B5A1-D159086658BA}"/>
                    </a:ext>
                  </a:extLst>
                </p:cNvPr>
                <p:cNvSpPr/>
                <p:nvPr/>
              </p:nvSpPr>
              <p:spPr>
                <a:xfrm>
                  <a:off x="-5293408" y="124935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36" name="Rectangle 735">
                  <a:extLst>
                    <a:ext uri="{FF2B5EF4-FFF2-40B4-BE49-F238E27FC236}">
                      <a16:creationId xmlns:a16="http://schemas.microsoft.com/office/drawing/2014/main" id="{E2D44CB0-DFDE-476D-5719-2CF59494F5CB}"/>
                    </a:ext>
                  </a:extLst>
                </p:cNvPr>
                <p:cNvSpPr/>
                <p:nvPr/>
              </p:nvSpPr>
              <p:spPr>
                <a:xfrm>
                  <a:off x="-5058522" y="124935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37" name="Rectangle 736">
                  <a:extLst>
                    <a:ext uri="{FF2B5EF4-FFF2-40B4-BE49-F238E27FC236}">
                      <a16:creationId xmlns:a16="http://schemas.microsoft.com/office/drawing/2014/main" id="{FDC85A48-84F2-51AB-C14D-F527EAD48E27}"/>
                    </a:ext>
                  </a:extLst>
                </p:cNvPr>
                <p:cNvSpPr/>
                <p:nvPr/>
              </p:nvSpPr>
              <p:spPr>
                <a:xfrm>
                  <a:off x="-4823635" y="124935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38" name="Rectangle 737">
                  <a:extLst>
                    <a:ext uri="{FF2B5EF4-FFF2-40B4-BE49-F238E27FC236}">
                      <a16:creationId xmlns:a16="http://schemas.microsoft.com/office/drawing/2014/main" id="{6B09823B-65E3-6468-77D9-62C3FD4313F7}"/>
                    </a:ext>
                  </a:extLst>
                </p:cNvPr>
                <p:cNvSpPr/>
                <p:nvPr/>
              </p:nvSpPr>
              <p:spPr>
                <a:xfrm>
                  <a:off x="-4588780" y="124935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39" name="Rectangle 738">
                  <a:extLst>
                    <a:ext uri="{FF2B5EF4-FFF2-40B4-BE49-F238E27FC236}">
                      <a16:creationId xmlns:a16="http://schemas.microsoft.com/office/drawing/2014/main" id="{AB88697E-2C80-7737-A294-23EF82288439}"/>
                    </a:ext>
                  </a:extLst>
                </p:cNvPr>
                <p:cNvSpPr/>
                <p:nvPr/>
              </p:nvSpPr>
              <p:spPr>
                <a:xfrm>
                  <a:off x="-5998004" y="149154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40" name="Rectangle 739">
                  <a:extLst>
                    <a:ext uri="{FF2B5EF4-FFF2-40B4-BE49-F238E27FC236}">
                      <a16:creationId xmlns:a16="http://schemas.microsoft.com/office/drawing/2014/main" id="{2277FC5F-F316-C373-F45B-A4437F5C40B4}"/>
                    </a:ext>
                  </a:extLst>
                </p:cNvPr>
                <p:cNvSpPr/>
                <p:nvPr/>
              </p:nvSpPr>
              <p:spPr>
                <a:xfrm>
                  <a:off x="-5763149" y="149154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41" name="Rectangle 740">
                  <a:extLst>
                    <a:ext uri="{FF2B5EF4-FFF2-40B4-BE49-F238E27FC236}">
                      <a16:creationId xmlns:a16="http://schemas.microsoft.com/office/drawing/2014/main" id="{D35677D1-1517-51E3-2E10-80F805635685}"/>
                    </a:ext>
                  </a:extLst>
                </p:cNvPr>
                <p:cNvSpPr/>
                <p:nvPr/>
              </p:nvSpPr>
              <p:spPr>
                <a:xfrm>
                  <a:off x="-5528263" y="149154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42" name="Rectangle 741">
                  <a:extLst>
                    <a:ext uri="{FF2B5EF4-FFF2-40B4-BE49-F238E27FC236}">
                      <a16:creationId xmlns:a16="http://schemas.microsoft.com/office/drawing/2014/main" id="{9556383C-6F22-B289-9380-1E56B6BA7DBF}"/>
                    </a:ext>
                  </a:extLst>
                </p:cNvPr>
                <p:cNvSpPr/>
                <p:nvPr/>
              </p:nvSpPr>
              <p:spPr>
                <a:xfrm>
                  <a:off x="-5293408" y="149154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43" name="Rectangle 742">
                  <a:extLst>
                    <a:ext uri="{FF2B5EF4-FFF2-40B4-BE49-F238E27FC236}">
                      <a16:creationId xmlns:a16="http://schemas.microsoft.com/office/drawing/2014/main" id="{36760645-2E42-006A-AF55-CAAF5ECA28CD}"/>
                    </a:ext>
                  </a:extLst>
                </p:cNvPr>
                <p:cNvSpPr/>
                <p:nvPr/>
              </p:nvSpPr>
              <p:spPr>
                <a:xfrm>
                  <a:off x="-5058522" y="149154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44" name="Rectangle 743">
                  <a:extLst>
                    <a:ext uri="{FF2B5EF4-FFF2-40B4-BE49-F238E27FC236}">
                      <a16:creationId xmlns:a16="http://schemas.microsoft.com/office/drawing/2014/main" id="{CCB46E89-9523-8D35-0387-25E67C0805D1}"/>
                    </a:ext>
                  </a:extLst>
                </p:cNvPr>
                <p:cNvSpPr/>
                <p:nvPr/>
              </p:nvSpPr>
              <p:spPr>
                <a:xfrm>
                  <a:off x="-4823635" y="149154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45" name="Rectangle 744">
                  <a:extLst>
                    <a:ext uri="{FF2B5EF4-FFF2-40B4-BE49-F238E27FC236}">
                      <a16:creationId xmlns:a16="http://schemas.microsoft.com/office/drawing/2014/main" id="{CE587F47-188B-5901-4D44-6560D5187299}"/>
                    </a:ext>
                  </a:extLst>
                </p:cNvPr>
                <p:cNvSpPr/>
                <p:nvPr/>
              </p:nvSpPr>
              <p:spPr>
                <a:xfrm>
                  <a:off x="-4588780" y="149154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46" name="Rectangle 745">
                  <a:extLst>
                    <a:ext uri="{FF2B5EF4-FFF2-40B4-BE49-F238E27FC236}">
                      <a16:creationId xmlns:a16="http://schemas.microsoft.com/office/drawing/2014/main" id="{F9023BF1-237C-E9A1-C4CD-3B52E29C359A}"/>
                    </a:ext>
                  </a:extLst>
                </p:cNvPr>
                <p:cNvSpPr/>
                <p:nvPr/>
              </p:nvSpPr>
              <p:spPr>
                <a:xfrm>
                  <a:off x="-5998004" y="173373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47" name="Rectangle 746">
                  <a:extLst>
                    <a:ext uri="{FF2B5EF4-FFF2-40B4-BE49-F238E27FC236}">
                      <a16:creationId xmlns:a16="http://schemas.microsoft.com/office/drawing/2014/main" id="{60FBF12F-FC5E-6DC4-1213-181361063C51}"/>
                    </a:ext>
                  </a:extLst>
                </p:cNvPr>
                <p:cNvSpPr/>
                <p:nvPr/>
              </p:nvSpPr>
              <p:spPr>
                <a:xfrm>
                  <a:off x="-5763149" y="173373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48" name="Rectangle 747">
                  <a:extLst>
                    <a:ext uri="{FF2B5EF4-FFF2-40B4-BE49-F238E27FC236}">
                      <a16:creationId xmlns:a16="http://schemas.microsoft.com/office/drawing/2014/main" id="{E9348327-5117-5709-F190-AD52C925270D}"/>
                    </a:ext>
                  </a:extLst>
                </p:cNvPr>
                <p:cNvSpPr/>
                <p:nvPr/>
              </p:nvSpPr>
              <p:spPr>
                <a:xfrm>
                  <a:off x="-5528263" y="173373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49" name="Rectangle 748">
                  <a:extLst>
                    <a:ext uri="{FF2B5EF4-FFF2-40B4-BE49-F238E27FC236}">
                      <a16:creationId xmlns:a16="http://schemas.microsoft.com/office/drawing/2014/main" id="{ECC15743-6B28-8F7B-DEAF-E4E56AF200C6}"/>
                    </a:ext>
                  </a:extLst>
                </p:cNvPr>
                <p:cNvSpPr/>
                <p:nvPr/>
              </p:nvSpPr>
              <p:spPr>
                <a:xfrm>
                  <a:off x="-5293408" y="173373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50" name="Rectangle 749">
                  <a:extLst>
                    <a:ext uri="{FF2B5EF4-FFF2-40B4-BE49-F238E27FC236}">
                      <a16:creationId xmlns:a16="http://schemas.microsoft.com/office/drawing/2014/main" id="{3B8DBC09-3F67-A08D-0340-2E1B72B60FAE}"/>
                    </a:ext>
                  </a:extLst>
                </p:cNvPr>
                <p:cNvSpPr/>
                <p:nvPr/>
              </p:nvSpPr>
              <p:spPr>
                <a:xfrm>
                  <a:off x="-5058522" y="173373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51" name="Rectangle 750">
                  <a:extLst>
                    <a:ext uri="{FF2B5EF4-FFF2-40B4-BE49-F238E27FC236}">
                      <a16:creationId xmlns:a16="http://schemas.microsoft.com/office/drawing/2014/main" id="{DCB97DD0-7F84-B36E-864C-73697B171DCA}"/>
                    </a:ext>
                  </a:extLst>
                </p:cNvPr>
                <p:cNvSpPr/>
                <p:nvPr/>
              </p:nvSpPr>
              <p:spPr>
                <a:xfrm>
                  <a:off x="-4823635" y="173373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52" name="Rectangle 751">
                  <a:extLst>
                    <a:ext uri="{FF2B5EF4-FFF2-40B4-BE49-F238E27FC236}">
                      <a16:creationId xmlns:a16="http://schemas.microsoft.com/office/drawing/2014/main" id="{49E7C05D-7BDF-43E4-AA04-353702608ACA}"/>
                    </a:ext>
                  </a:extLst>
                </p:cNvPr>
                <p:cNvSpPr/>
                <p:nvPr/>
              </p:nvSpPr>
              <p:spPr>
                <a:xfrm>
                  <a:off x="-4588780" y="173373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53" name="Rectangle 752">
                  <a:extLst>
                    <a:ext uri="{FF2B5EF4-FFF2-40B4-BE49-F238E27FC236}">
                      <a16:creationId xmlns:a16="http://schemas.microsoft.com/office/drawing/2014/main" id="{21E0A5A1-533B-9ECB-CDA0-1FC93F96985A}"/>
                    </a:ext>
                  </a:extLst>
                </p:cNvPr>
                <p:cNvSpPr/>
                <p:nvPr/>
              </p:nvSpPr>
              <p:spPr>
                <a:xfrm>
                  <a:off x="-5998004" y="19759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54" name="Rectangle 753">
                  <a:extLst>
                    <a:ext uri="{FF2B5EF4-FFF2-40B4-BE49-F238E27FC236}">
                      <a16:creationId xmlns:a16="http://schemas.microsoft.com/office/drawing/2014/main" id="{5E558011-E5F4-5186-E954-F2348D2E2EC5}"/>
                    </a:ext>
                  </a:extLst>
                </p:cNvPr>
                <p:cNvSpPr/>
                <p:nvPr/>
              </p:nvSpPr>
              <p:spPr>
                <a:xfrm>
                  <a:off x="-5763149" y="19759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55" name="Rectangle 754">
                  <a:extLst>
                    <a:ext uri="{FF2B5EF4-FFF2-40B4-BE49-F238E27FC236}">
                      <a16:creationId xmlns:a16="http://schemas.microsoft.com/office/drawing/2014/main" id="{578B8699-D305-DEC0-3E6E-6B63FC46D14D}"/>
                    </a:ext>
                  </a:extLst>
                </p:cNvPr>
                <p:cNvSpPr/>
                <p:nvPr/>
              </p:nvSpPr>
              <p:spPr>
                <a:xfrm>
                  <a:off x="-5528263" y="19759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56" name="Rectangle 755">
                  <a:extLst>
                    <a:ext uri="{FF2B5EF4-FFF2-40B4-BE49-F238E27FC236}">
                      <a16:creationId xmlns:a16="http://schemas.microsoft.com/office/drawing/2014/main" id="{E409DD82-7AD9-29FC-9406-E8A423284DD9}"/>
                    </a:ext>
                  </a:extLst>
                </p:cNvPr>
                <p:cNvSpPr/>
                <p:nvPr/>
              </p:nvSpPr>
              <p:spPr>
                <a:xfrm>
                  <a:off x="-5293408" y="19759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57" name="Rectangle 756">
                  <a:extLst>
                    <a:ext uri="{FF2B5EF4-FFF2-40B4-BE49-F238E27FC236}">
                      <a16:creationId xmlns:a16="http://schemas.microsoft.com/office/drawing/2014/main" id="{DC3A5D17-C9D2-E758-9701-380E33C06FFE}"/>
                    </a:ext>
                  </a:extLst>
                </p:cNvPr>
                <p:cNvSpPr/>
                <p:nvPr/>
              </p:nvSpPr>
              <p:spPr>
                <a:xfrm>
                  <a:off x="-5058522" y="19759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58" name="Rectangle 757">
                  <a:extLst>
                    <a:ext uri="{FF2B5EF4-FFF2-40B4-BE49-F238E27FC236}">
                      <a16:creationId xmlns:a16="http://schemas.microsoft.com/office/drawing/2014/main" id="{8364A667-AD5B-2BE0-75BD-6A6FC8B55E19}"/>
                    </a:ext>
                  </a:extLst>
                </p:cNvPr>
                <p:cNvSpPr/>
                <p:nvPr/>
              </p:nvSpPr>
              <p:spPr>
                <a:xfrm>
                  <a:off x="-4823635" y="19759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59" name="Rectangle 758">
                  <a:extLst>
                    <a:ext uri="{FF2B5EF4-FFF2-40B4-BE49-F238E27FC236}">
                      <a16:creationId xmlns:a16="http://schemas.microsoft.com/office/drawing/2014/main" id="{C2B2286F-9E59-A262-2892-E62CF0725A06}"/>
                    </a:ext>
                  </a:extLst>
                </p:cNvPr>
                <p:cNvSpPr/>
                <p:nvPr/>
              </p:nvSpPr>
              <p:spPr>
                <a:xfrm>
                  <a:off x="-4588780" y="19759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60" name="Rectangle 759">
                  <a:extLst>
                    <a:ext uri="{FF2B5EF4-FFF2-40B4-BE49-F238E27FC236}">
                      <a16:creationId xmlns:a16="http://schemas.microsoft.com/office/drawing/2014/main" id="{097F6361-A2B8-5C0A-966D-9BF5F35670EE}"/>
                    </a:ext>
                  </a:extLst>
                </p:cNvPr>
                <p:cNvSpPr/>
                <p:nvPr/>
              </p:nvSpPr>
              <p:spPr>
                <a:xfrm>
                  <a:off x="-5998004" y="22181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61" name="Rectangle 760">
                  <a:extLst>
                    <a:ext uri="{FF2B5EF4-FFF2-40B4-BE49-F238E27FC236}">
                      <a16:creationId xmlns:a16="http://schemas.microsoft.com/office/drawing/2014/main" id="{7D7469DE-750E-FFDC-1F35-4F0F712735A5}"/>
                    </a:ext>
                  </a:extLst>
                </p:cNvPr>
                <p:cNvSpPr/>
                <p:nvPr/>
              </p:nvSpPr>
              <p:spPr>
                <a:xfrm>
                  <a:off x="-5763149" y="22181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62" name="Rectangle 761">
                  <a:extLst>
                    <a:ext uri="{FF2B5EF4-FFF2-40B4-BE49-F238E27FC236}">
                      <a16:creationId xmlns:a16="http://schemas.microsoft.com/office/drawing/2014/main" id="{A650DEEC-CF0E-7F95-CD6C-3638EF4E9228}"/>
                    </a:ext>
                  </a:extLst>
                </p:cNvPr>
                <p:cNvSpPr/>
                <p:nvPr/>
              </p:nvSpPr>
              <p:spPr>
                <a:xfrm>
                  <a:off x="-5528263" y="22181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63" name="Rectangle 762">
                  <a:extLst>
                    <a:ext uri="{FF2B5EF4-FFF2-40B4-BE49-F238E27FC236}">
                      <a16:creationId xmlns:a16="http://schemas.microsoft.com/office/drawing/2014/main" id="{3AED664E-F3B8-F5F4-1DF5-422E6EE23680}"/>
                    </a:ext>
                  </a:extLst>
                </p:cNvPr>
                <p:cNvSpPr/>
                <p:nvPr/>
              </p:nvSpPr>
              <p:spPr>
                <a:xfrm>
                  <a:off x="-5293408" y="22181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64" name="Rectangle 763">
                  <a:extLst>
                    <a:ext uri="{FF2B5EF4-FFF2-40B4-BE49-F238E27FC236}">
                      <a16:creationId xmlns:a16="http://schemas.microsoft.com/office/drawing/2014/main" id="{BC9C4ECF-8075-3E33-FD03-2D66C5E7F6E8}"/>
                    </a:ext>
                  </a:extLst>
                </p:cNvPr>
                <p:cNvSpPr/>
                <p:nvPr/>
              </p:nvSpPr>
              <p:spPr>
                <a:xfrm>
                  <a:off x="-5058522" y="22181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65" name="Rectangle 764">
                  <a:extLst>
                    <a:ext uri="{FF2B5EF4-FFF2-40B4-BE49-F238E27FC236}">
                      <a16:creationId xmlns:a16="http://schemas.microsoft.com/office/drawing/2014/main" id="{F1F1E666-6F01-C9C2-CC14-F046814E6523}"/>
                    </a:ext>
                  </a:extLst>
                </p:cNvPr>
                <p:cNvSpPr/>
                <p:nvPr/>
              </p:nvSpPr>
              <p:spPr>
                <a:xfrm>
                  <a:off x="-4823635" y="22181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66" name="Rectangle 765">
                  <a:extLst>
                    <a:ext uri="{FF2B5EF4-FFF2-40B4-BE49-F238E27FC236}">
                      <a16:creationId xmlns:a16="http://schemas.microsoft.com/office/drawing/2014/main" id="{A4CA8D60-F01C-C557-122A-88E198B2C2D5}"/>
                    </a:ext>
                  </a:extLst>
                </p:cNvPr>
                <p:cNvSpPr/>
                <p:nvPr/>
              </p:nvSpPr>
              <p:spPr>
                <a:xfrm>
                  <a:off x="-4588780" y="22181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67" name="Rectangle 766">
                  <a:extLst>
                    <a:ext uri="{FF2B5EF4-FFF2-40B4-BE49-F238E27FC236}">
                      <a16:creationId xmlns:a16="http://schemas.microsoft.com/office/drawing/2014/main" id="{8E35F535-DD59-F16F-B2CE-E8BDC12BFBD2}"/>
                    </a:ext>
                  </a:extLst>
                </p:cNvPr>
                <p:cNvSpPr/>
                <p:nvPr/>
              </p:nvSpPr>
              <p:spPr>
                <a:xfrm>
                  <a:off x="-5998004" y="2460333"/>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68" name="Rectangle 767">
                  <a:extLst>
                    <a:ext uri="{FF2B5EF4-FFF2-40B4-BE49-F238E27FC236}">
                      <a16:creationId xmlns:a16="http://schemas.microsoft.com/office/drawing/2014/main" id="{F083B650-DEE2-9444-2BCE-B518883DAFAF}"/>
                    </a:ext>
                  </a:extLst>
                </p:cNvPr>
                <p:cNvSpPr/>
                <p:nvPr/>
              </p:nvSpPr>
              <p:spPr>
                <a:xfrm>
                  <a:off x="-5763149" y="2460333"/>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69" name="Rectangle 768">
                  <a:extLst>
                    <a:ext uri="{FF2B5EF4-FFF2-40B4-BE49-F238E27FC236}">
                      <a16:creationId xmlns:a16="http://schemas.microsoft.com/office/drawing/2014/main" id="{08D45903-D2EB-AD9F-BE67-94B1242D3FE6}"/>
                    </a:ext>
                  </a:extLst>
                </p:cNvPr>
                <p:cNvSpPr/>
                <p:nvPr/>
              </p:nvSpPr>
              <p:spPr>
                <a:xfrm>
                  <a:off x="-5528263" y="2460333"/>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70" name="Rectangle 769">
                  <a:extLst>
                    <a:ext uri="{FF2B5EF4-FFF2-40B4-BE49-F238E27FC236}">
                      <a16:creationId xmlns:a16="http://schemas.microsoft.com/office/drawing/2014/main" id="{2CEEA71E-90DA-5C9A-DD79-3014015FF8CF}"/>
                    </a:ext>
                  </a:extLst>
                </p:cNvPr>
                <p:cNvSpPr/>
                <p:nvPr/>
              </p:nvSpPr>
              <p:spPr>
                <a:xfrm>
                  <a:off x="-5293408" y="2460333"/>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71" name="Rectangle 770">
                  <a:extLst>
                    <a:ext uri="{FF2B5EF4-FFF2-40B4-BE49-F238E27FC236}">
                      <a16:creationId xmlns:a16="http://schemas.microsoft.com/office/drawing/2014/main" id="{0F7E949E-9350-35E1-B3AF-614AC8DD478B}"/>
                    </a:ext>
                  </a:extLst>
                </p:cNvPr>
                <p:cNvSpPr/>
                <p:nvPr/>
              </p:nvSpPr>
              <p:spPr>
                <a:xfrm>
                  <a:off x="-5058522" y="2460333"/>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72" name="Rectangle 771">
                  <a:extLst>
                    <a:ext uri="{FF2B5EF4-FFF2-40B4-BE49-F238E27FC236}">
                      <a16:creationId xmlns:a16="http://schemas.microsoft.com/office/drawing/2014/main" id="{6D013380-E715-3944-8C5E-D70268691338}"/>
                    </a:ext>
                  </a:extLst>
                </p:cNvPr>
                <p:cNvSpPr/>
                <p:nvPr/>
              </p:nvSpPr>
              <p:spPr>
                <a:xfrm>
                  <a:off x="-4823635" y="2460333"/>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73" name="Rectangle 772">
                  <a:extLst>
                    <a:ext uri="{FF2B5EF4-FFF2-40B4-BE49-F238E27FC236}">
                      <a16:creationId xmlns:a16="http://schemas.microsoft.com/office/drawing/2014/main" id="{86D5DBC2-9E92-3BBD-0432-BEF4695DDB48}"/>
                    </a:ext>
                  </a:extLst>
                </p:cNvPr>
                <p:cNvSpPr/>
                <p:nvPr/>
              </p:nvSpPr>
              <p:spPr>
                <a:xfrm>
                  <a:off x="-4588780" y="2460333"/>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74" name="Rectangle 773">
                  <a:extLst>
                    <a:ext uri="{FF2B5EF4-FFF2-40B4-BE49-F238E27FC236}">
                      <a16:creationId xmlns:a16="http://schemas.microsoft.com/office/drawing/2014/main" id="{6B0676A8-6E18-58EF-705C-112BBD928735}"/>
                    </a:ext>
                  </a:extLst>
                </p:cNvPr>
                <p:cNvSpPr/>
                <p:nvPr/>
              </p:nvSpPr>
              <p:spPr>
                <a:xfrm>
                  <a:off x="-5998004" y="270252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75" name="Rectangle 774">
                  <a:extLst>
                    <a:ext uri="{FF2B5EF4-FFF2-40B4-BE49-F238E27FC236}">
                      <a16:creationId xmlns:a16="http://schemas.microsoft.com/office/drawing/2014/main" id="{3378D2E6-5B5F-ADA8-B098-C15B96C3C755}"/>
                    </a:ext>
                  </a:extLst>
                </p:cNvPr>
                <p:cNvSpPr/>
                <p:nvPr/>
              </p:nvSpPr>
              <p:spPr>
                <a:xfrm>
                  <a:off x="-5763149" y="270252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76" name="Rectangle 775">
                  <a:extLst>
                    <a:ext uri="{FF2B5EF4-FFF2-40B4-BE49-F238E27FC236}">
                      <a16:creationId xmlns:a16="http://schemas.microsoft.com/office/drawing/2014/main" id="{B5BEBCD8-09B6-0C41-4F1B-69913CEE1C41}"/>
                    </a:ext>
                  </a:extLst>
                </p:cNvPr>
                <p:cNvSpPr/>
                <p:nvPr/>
              </p:nvSpPr>
              <p:spPr>
                <a:xfrm>
                  <a:off x="-5528263" y="270252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77" name="Rectangle 776">
                  <a:extLst>
                    <a:ext uri="{FF2B5EF4-FFF2-40B4-BE49-F238E27FC236}">
                      <a16:creationId xmlns:a16="http://schemas.microsoft.com/office/drawing/2014/main" id="{5CB629F9-49E3-8F54-5C34-4C97823A0282}"/>
                    </a:ext>
                  </a:extLst>
                </p:cNvPr>
                <p:cNvSpPr/>
                <p:nvPr/>
              </p:nvSpPr>
              <p:spPr>
                <a:xfrm>
                  <a:off x="-5293408" y="270252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78" name="Rectangle 777">
                  <a:extLst>
                    <a:ext uri="{FF2B5EF4-FFF2-40B4-BE49-F238E27FC236}">
                      <a16:creationId xmlns:a16="http://schemas.microsoft.com/office/drawing/2014/main" id="{484B76A8-63BB-4155-712A-C9960C4FC367}"/>
                    </a:ext>
                  </a:extLst>
                </p:cNvPr>
                <p:cNvSpPr/>
                <p:nvPr/>
              </p:nvSpPr>
              <p:spPr>
                <a:xfrm>
                  <a:off x="-5058522" y="270252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79" name="Rectangle 778">
                  <a:extLst>
                    <a:ext uri="{FF2B5EF4-FFF2-40B4-BE49-F238E27FC236}">
                      <a16:creationId xmlns:a16="http://schemas.microsoft.com/office/drawing/2014/main" id="{015E4A77-E878-CD48-5FAD-11193837E21A}"/>
                    </a:ext>
                  </a:extLst>
                </p:cNvPr>
                <p:cNvSpPr/>
                <p:nvPr/>
              </p:nvSpPr>
              <p:spPr>
                <a:xfrm>
                  <a:off x="-4823635" y="270252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80" name="Rectangle 779">
                  <a:extLst>
                    <a:ext uri="{FF2B5EF4-FFF2-40B4-BE49-F238E27FC236}">
                      <a16:creationId xmlns:a16="http://schemas.microsoft.com/office/drawing/2014/main" id="{6E60F747-F68F-F831-60FC-537571ED3F9E}"/>
                    </a:ext>
                  </a:extLst>
                </p:cNvPr>
                <p:cNvSpPr/>
                <p:nvPr/>
              </p:nvSpPr>
              <p:spPr>
                <a:xfrm>
                  <a:off x="-4588780" y="270252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grpSp>
        </p:grpSp>
        <p:grpSp>
          <p:nvGrpSpPr>
            <p:cNvPr id="629" name="Graphic 58">
              <a:extLst>
                <a:ext uri="{FF2B5EF4-FFF2-40B4-BE49-F238E27FC236}">
                  <a16:creationId xmlns:a16="http://schemas.microsoft.com/office/drawing/2014/main" id="{BAD20B17-6069-A1EE-22D4-EEAA8FEBFD5F}"/>
                </a:ext>
              </a:extLst>
            </p:cNvPr>
            <p:cNvGrpSpPr/>
            <p:nvPr/>
          </p:nvGrpSpPr>
          <p:grpSpPr>
            <a:xfrm>
              <a:off x="-2685463" y="1786503"/>
              <a:ext cx="1438084" cy="3167379"/>
              <a:chOff x="-2685463" y="1786503"/>
              <a:chExt cx="1438084" cy="3167379"/>
            </a:xfrm>
            <a:grpFill/>
          </p:grpSpPr>
          <p:grpSp>
            <p:nvGrpSpPr>
              <p:cNvPr id="630" name="Graphic 58">
                <a:extLst>
                  <a:ext uri="{FF2B5EF4-FFF2-40B4-BE49-F238E27FC236}">
                    <a16:creationId xmlns:a16="http://schemas.microsoft.com/office/drawing/2014/main" id="{D866FE95-CC7F-60C6-61CB-291650985586}"/>
                  </a:ext>
                </a:extLst>
              </p:cNvPr>
              <p:cNvGrpSpPr/>
              <p:nvPr/>
            </p:nvGrpSpPr>
            <p:grpSpPr>
              <a:xfrm>
                <a:off x="-2685463" y="3471888"/>
                <a:ext cx="1438084" cy="1481994"/>
                <a:chOff x="-2685463" y="3471888"/>
                <a:chExt cx="1438084" cy="1481994"/>
              </a:xfrm>
              <a:grpFill/>
            </p:grpSpPr>
            <p:sp>
              <p:nvSpPr>
                <p:cNvPr id="681" name="Rectangle 680">
                  <a:extLst>
                    <a:ext uri="{FF2B5EF4-FFF2-40B4-BE49-F238E27FC236}">
                      <a16:creationId xmlns:a16="http://schemas.microsoft.com/office/drawing/2014/main" id="{16927E55-1C62-C98A-4900-E8C818A27BF1}"/>
                    </a:ext>
                  </a:extLst>
                </p:cNvPr>
                <p:cNvSpPr/>
                <p:nvPr/>
              </p:nvSpPr>
              <p:spPr>
                <a:xfrm>
                  <a:off x="-2685463" y="347188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82" name="Rectangle 681">
                  <a:extLst>
                    <a:ext uri="{FF2B5EF4-FFF2-40B4-BE49-F238E27FC236}">
                      <a16:creationId xmlns:a16="http://schemas.microsoft.com/office/drawing/2014/main" id="{6E2ACA3E-C3D2-2118-060A-626C4D3BFF36}"/>
                    </a:ext>
                  </a:extLst>
                </p:cNvPr>
                <p:cNvSpPr/>
                <p:nvPr/>
              </p:nvSpPr>
              <p:spPr>
                <a:xfrm>
                  <a:off x="-2450577" y="347188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83" name="Rectangle 682">
                  <a:extLst>
                    <a:ext uri="{FF2B5EF4-FFF2-40B4-BE49-F238E27FC236}">
                      <a16:creationId xmlns:a16="http://schemas.microsoft.com/office/drawing/2014/main" id="{15132EF6-9B76-8611-7500-8844BE062E4C}"/>
                    </a:ext>
                  </a:extLst>
                </p:cNvPr>
                <p:cNvSpPr/>
                <p:nvPr/>
              </p:nvSpPr>
              <p:spPr>
                <a:xfrm>
                  <a:off x="-2215690" y="347188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84" name="Rectangle 683">
                  <a:extLst>
                    <a:ext uri="{FF2B5EF4-FFF2-40B4-BE49-F238E27FC236}">
                      <a16:creationId xmlns:a16="http://schemas.microsoft.com/office/drawing/2014/main" id="{00FB4EE0-152A-CD65-F861-89531153E157}"/>
                    </a:ext>
                  </a:extLst>
                </p:cNvPr>
                <p:cNvSpPr/>
                <p:nvPr/>
              </p:nvSpPr>
              <p:spPr>
                <a:xfrm>
                  <a:off x="-1980835" y="347188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85" name="Rectangle 684">
                  <a:extLst>
                    <a:ext uri="{FF2B5EF4-FFF2-40B4-BE49-F238E27FC236}">
                      <a16:creationId xmlns:a16="http://schemas.microsoft.com/office/drawing/2014/main" id="{397FB533-7C7E-7438-D2A2-1BA4C3CD6222}"/>
                    </a:ext>
                  </a:extLst>
                </p:cNvPr>
                <p:cNvSpPr/>
                <p:nvPr/>
              </p:nvSpPr>
              <p:spPr>
                <a:xfrm>
                  <a:off x="-1745949" y="347188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86" name="Rectangle 685">
                  <a:extLst>
                    <a:ext uri="{FF2B5EF4-FFF2-40B4-BE49-F238E27FC236}">
                      <a16:creationId xmlns:a16="http://schemas.microsoft.com/office/drawing/2014/main" id="{ADC1558E-DAA6-D9FE-AD6F-3CCC9A6EE9C9}"/>
                    </a:ext>
                  </a:extLst>
                </p:cNvPr>
                <p:cNvSpPr/>
                <p:nvPr/>
              </p:nvSpPr>
              <p:spPr>
                <a:xfrm>
                  <a:off x="-1511094" y="347188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87" name="Rectangle 686">
                  <a:extLst>
                    <a:ext uri="{FF2B5EF4-FFF2-40B4-BE49-F238E27FC236}">
                      <a16:creationId xmlns:a16="http://schemas.microsoft.com/office/drawing/2014/main" id="{A9259489-D2E7-0B9C-71D2-E9A2ADD86DCF}"/>
                    </a:ext>
                  </a:extLst>
                </p:cNvPr>
                <p:cNvSpPr/>
                <p:nvPr/>
              </p:nvSpPr>
              <p:spPr>
                <a:xfrm>
                  <a:off x="-1276208" y="3471888"/>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88" name="Rectangle 687">
                  <a:extLst>
                    <a:ext uri="{FF2B5EF4-FFF2-40B4-BE49-F238E27FC236}">
                      <a16:creationId xmlns:a16="http://schemas.microsoft.com/office/drawing/2014/main" id="{4D43BDE5-050A-CB8D-88A6-BFF44F4F0DA5}"/>
                    </a:ext>
                  </a:extLst>
                </p:cNvPr>
                <p:cNvSpPr/>
                <p:nvPr/>
              </p:nvSpPr>
              <p:spPr>
                <a:xfrm>
                  <a:off x="-2685463" y="371407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89" name="Rectangle 688">
                  <a:extLst>
                    <a:ext uri="{FF2B5EF4-FFF2-40B4-BE49-F238E27FC236}">
                      <a16:creationId xmlns:a16="http://schemas.microsoft.com/office/drawing/2014/main" id="{155F96BB-05A9-59BD-E592-55DC248B9C70}"/>
                    </a:ext>
                  </a:extLst>
                </p:cNvPr>
                <p:cNvSpPr/>
                <p:nvPr/>
              </p:nvSpPr>
              <p:spPr>
                <a:xfrm>
                  <a:off x="-2450577" y="371407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90" name="Rectangle 689">
                  <a:extLst>
                    <a:ext uri="{FF2B5EF4-FFF2-40B4-BE49-F238E27FC236}">
                      <a16:creationId xmlns:a16="http://schemas.microsoft.com/office/drawing/2014/main" id="{9967FBD3-D9F3-A75F-99F7-C00791CDA47E}"/>
                    </a:ext>
                  </a:extLst>
                </p:cNvPr>
                <p:cNvSpPr/>
                <p:nvPr/>
              </p:nvSpPr>
              <p:spPr>
                <a:xfrm>
                  <a:off x="-2215690" y="371407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91" name="Rectangle 690">
                  <a:extLst>
                    <a:ext uri="{FF2B5EF4-FFF2-40B4-BE49-F238E27FC236}">
                      <a16:creationId xmlns:a16="http://schemas.microsoft.com/office/drawing/2014/main" id="{78BD2A24-F749-787A-EA44-614DD9672CCE}"/>
                    </a:ext>
                  </a:extLst>
                </p:cNvPr>
                <p:cNvSpPr/>
                <p:nvPr/>
              </p:nvSpPr>
              <p:spPr>
                <a:xfrm>
                  <a:off x="-1980835" y="371407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92" name="Rectangle 691">
                  <a:extLst>
                    <a:ext uri="{FF2B5EF4-FFF2-40B4-BE49-F238E27FC236}">
                      <a16:creationId xmlns:a16="http://schemas.microsoft.com/office/drawing/2014/main" id="{DD8F4024-0881-BFFF-FC29-2DAB15197F8F}"/>
                    </a:ext>
                  </a:extLst>
                </p:cNvPr>
                <p:cNvSpPr/>
                <p:nvPr/>
              </p:nvSpPr>
              <p:spPr>
                <a:xfrm>
                  <a:off x="-1745949" y="371407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93" name="Rectangle 692">
                  <a:extLst>
                    <a:ext uri="{FF2B5EF4-FFF2-40B4-BE49-F238E27FC236}">
                      <a16:creationId xmlns:a16="http://schemas.microsoft.com/office/drawing/2014/main" id="{12ADD36A-035B-934F-ABB4-30B1A5E1CC1B}"/>
                    </a:ext>
                  </a:extLst>
                </p:cNvPr>
                <p:cNvSpPr/>
                <p:nvPr/>
              </p:nvSpPr>
              <p:spPr>
                <a:xfrm>
                  <a:off x="-1511094" y="371407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94" name="Rectangle 693">
                  <a:extLst>
                    <a:ext uri="{FF2B5EF4-FFF2-40B4-BE49-F238E27FC236}">
                      <a16:creationId xmlns:a16="http://schemas.microsoft.com/office/drawing/2014/main" id="{D609891F-1C46-1949-3372-662915D13065}"/>
                    </a:ext>
                  </a:extLst>
                </p:cNvPr>
                <p:cNvSpPr/>
                <p:nvPr/>
              </p:nvSpPr>
              <p:spPr>
                <a:xfrm>
                  <a:off x="-1276208" y="3714077"/>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95" name="Rectangle 694">
                  <a:extLst>
                    <a:ext uri="{FF2B5EF4-FFF2-40B4-BE49-F238E27FC236}">
                      <a16:creationId xmlns:a16="http://schemas.microsoft.com/office/drawing/2014/main" id="{5AAEEBCD-C56B-1E6A-D54A-FFC21EFA4EC7}"/>
                    </a:ext>
                  </a:extLst>
                </p:cNvPr>
                <p:cNvSpPr/>
                <p:nvPr/>
              </p:nvSpPr>
              <p:spPr>
                <a:xfrm>
                  <a:off x="-2685463" y="395626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96" name="Rectangle 695">
                  <a:extLst>
                    <a:ext uri="{FF2B5EF4-FFF2-40B4-BE49-F238E27FC236}">
                      <a16:creationId xmlns:a16="http://schemas.microsoft.com/office/drawing/2014/main" id="{14CB2976-123F-D093-A945-233245DBA878}"/>
                    </a:ext>
                  </a:extLst>
                </p:cNvPr>
                <p:cNvSpPr/>
                <p:nvPr/>
              </p:nvSpPr>
              <p:spPr>
                <a:xfrm>
                  <a:off x="-2450577" y="395626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97" name="Rectangle 696">
                  <a:extLst>
                    <a:ext uri="{FF2B5EF4-FFF2-40B4-BE49-F238E27FC236}">
                      <a16:creationId xmlns:a16="http://schemas.microsoft.com/office/drawing/2014/main" id="{64E250BB-A021-8B65-63B3-BFFEDC798A82}"/>
                    </a:ext>
                  </a:extLst>
                </p:cNvPr>
                <p:cNvSpPr/>
                <p:nvPr/>
              </p:nvSpPr>
              <p:spPr>
                <a:xfrm>
                  <a:off x="-2215690" y="395626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98" name="Rectangle 697">
                  <a:extLst>
                    <a:ext uri="{FF2B5EF4-FFF2-40B4-BE49-F238E27FC236}">
                      <a16:creationId xmlns:a16="http://schemas.microsoft.com/office/drawing/2014/main" id="{59B69965-A1AF-FF4D-A994-096E602EA241}"/>
                    </a:ext>
                  </a:extLst>
                </p:cNvPr>
                <p:cNvSpPr/>
                <p:nvPr/>
              </p:nvSpPr>
              <p:spPr>
                <a:xfrm>
                  <a:off x="-1980835" y="395626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99" name="Rectangle 698">
                  <a:extLst>
                    <a:ext uri="{FF2B5EF4-FFF2-40B4-BE49-F238E27FC236}">
                      <a16:creationId xmlns:a16="http://schemas.microsoft.com/office/drawing/2014/main" id="{6E90E15E-ADCD-2FA8-F698-86E7ED014862}"/>
                    </a:ext>
                  </a:extLst>
                </p:cNvPr>
                <p:cNvSpPr/>
                <p:nvPr/>
              </p:nvSpPr>
              <p:spPr>
                <a:xfrm>
                  <a:off x="-1745949" y="395626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00" name="Rectangle 699">
                  <a:extLst>
                    <a:ext uri="{FF2B5EF4-FFF2-40B4-BE49-F238E27FC236}">
                      <a16:creationId xmlns:a16="http://schemas.microsoft.com/office/drawing/2014/main" id="{21AB04BC-DEDB-992D-DD4C-88B4651778CF}"/>
                    </a:ext>
                  </a:extLst>
                </p:cNvPr>
                <p:cNvSpPr/>
                <p:nvPr/>
              </p:nvSpPr>
              <p:spPr>
                <a:xfrm>
                  <a:off x="-1511094" y="395626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01" name="Rectangle 700">
                  <a:extLst>
                    <a:ext uri="{FF2B5EF4-FFF2-40B4-BE49-F238E27FC236}">
                      <a16:creationId xmlns:a16="http://schemas.microsoft.com/office/drawing/2014/main" id="{4C1F8AEA-9872-47FA-F6A7-13CD0E19262E}"/>
                    </a:ext>
                  </a:extLst>
                </p:cNvPr>
                <p:cNvSpPr/>
                <p:nvPr/>
              </p:nvSpPr>
              <p:spPr>
                <a:xfrm>
                  <a:off x="-1276208" y="3956266"/>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02" name="Rectangle 701">
                  <a:extLst>
                    <a:ext uri="{FF2B5EF4-FFF2-40B4-BE49-F238E27FC236}">
                      <a16:creationId xmlns:a16="http://schemas.microsoft.com/office/drawing/2014/main" id="{82C8737C-073C-F643-7194-DA9873F09E37}"/>
                    </a:ext>
                  </a:extLst>
                </p:cNvPr>
                <p:cNvSpPr/>
                <p:nvPr/>
              </p:nvSpPr>
              <p:spPr>
                <a:xfrm>
                  <a:off x="-2685463" y="41984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03" name="Rectangle 702">
                  <a:extLst>
                    <a:ext uri="{FF2B5EF4-FFF2-40B4-BE49-F238E27FC236}">
                      <a16:creationId xmlns:a16="http://schemas.microsoft.com/office/drawing/2014/main" id="{390EDBA2-8D82-2C36-804E-D39314CAF81C}"/>
                    </a:ext>
                  </a:extLst>
                </p:cNvPr>
                <p:cNvSpPr/>
                <p:nvPr/>
              </p:nvSpPr>
              <p:spPr>
                <a:xfrm>
                  <a:off x="-2450577" y="41984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04" name="Rectangle 703">
                  <a:extLst>
                    <a:ext uri="{FF2B5EF4-FFF2-40B4-BE49-F238E27FC236}">
                      <a16:creationId xmlns:a16="http://schemas.microsoft.com/office/drawing/2014/main" id="{2487B237-0E89-AB30-AFEF-0CCEC48E1705}"/>
                    </a:ext>
                  </a:extLst>
                </p:cNvPr>
                <p:cNvSpPr/>
                <p:nvPr/>
              </p:nvSpPr>
              <p:spPr>
                <a:xfrm>
                  <a:off x="-2215690" y="41984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05" name="Rectangle 704">
                  <a:extLst>
                    <a:ext uri="{FF2B5EF4-FFF2-40B4-BE49-F238E27FC236}">
                      <a16:creationId xmlns:a16="http://schemas.microsoft.com/office/drawing/2014/main" id="{1A526EFC-19CF-25D4-0A7B-F1D1DAEAB9FA}"/>
                    </a:ext>
                  </a:extLst>
                </p:cNvPr>
                <p:cNvSpPr/>
                <p:nvPr/>
              </p:nvSpPr>
              <p:spPr>
                <a:xfrm>
                  <a:off x="-1980835" y="41984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06" name="Rectangle 705">
                  <a:extLst>
                    <a:ext uri="{FF2B5EF4-FFF2-40B4-BE49-F238E27FC236}">
                      <a16:creationId xmlns:a16="http://schemas.microsoft.com/office/drawing/2014/main" id="{8DF0EABF-A9C9-B822-FCFA-E18497D43A6A}"/>
                    </a:ext>
                  </a:extLst>
                </p:cNvPr>
                <p:cNvSpPr/>
                <p:nvPr/>
              </p:nvSpPr>
              <p:spPr>
                <a:xfrm>
                  <a:off x="-1745949" y="41984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07" name="Rectangle 706">
                  <a:extLst>
                    <a:ext uri="{FF2B5EF4-FFF2-40B4-BE49-F238E27FC236}">
                      <a16:creationId xmlns:a16="http://schemas.microsoft.com/office/drawing/2014/main" id="{764D5154-49D8-9A3B-CC50-6EBDD0FD2867}"/>
                    </a:ext>
                  </a:extLst>
                </p:cNvPr>
                <p:cNvSpPr/>
                <p:nvPr/>
              </p:nvSpPr>
              <p:spPr>
                <a:xfrm>
                  <a:off x="-1511094" y="41984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08" name="Rectangle 707">
                  <a:extLst>
                    <a:ext uri="{FF2B5EF4-FFF2-40B4-BE49-F238E27FC236}">
                      <a16:creationId xmlns:a16="http://schemas.microsoft.com/office/drawing/2014/main" id="{1E56D90D-C585-6FE6-AC4F-26026C19ECD3}"/>
                    </a:ext>
                  </a:extLst>
                </p:cNvPr>
                <p:cNvSpPr/>
                <p:nvPr/>
              </p:nvSpPr>
              <p:spPr>
                <a:xfrm>
                  <a:off x="-1276208" y="4198455"/>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09" name="Rectangle 708">
                  <a:extLst>
                    <a:ext uri="{FF2B5EF4-FFF2-40B4-BE49-F238E27FC236}">
                      <a16:creationId xmlns:a16="http://schemas.microsoft.com/office/drawing/2014/main" id="{6F7B3ED6-3FB9-1278-6876-5ECAEA42C380}"/>
                    </a:ext>
                  </a:extLst>
                </p:cNvPr>
                <p:cNvSpPr/>
                <p:nvPr/>
              </p:nvSpPr>
              <p:spPr>
                <a:xfrm>
                  <a:off x="-2685463" y="44406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10" name="Rectangle 709">
                  <a:extLst>
                    <a:ext uri="{FF2B5EF4-FFF2-40B4-BE49-F238E27FC236}">
                      <a16:creationId xmlns:a16="http://schemas.microsoft.com/office/drawing/2014/main" id="{99E2E823-7694-453D-60A1-E197763780D2}"/>
                    </a:ext>
                  </a:extLst>
                </p:cNvPr>
                <p:cNvSpPr/>
                <p:nvPr/>
              </p:nvSpPr>
              <p:spPr>
                <a:xfrm>
                  <a:off x="-2450577" y="44406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11" name="Rectangle 710">
                  <a:extLst>
                    <a:ext uri="{FF2B5EF4-FFF2-40B4-BE49-F238E27FC236}">
                      <a16:creationId xmlns:a16="http://schemas.microsoft.com/office/drawing/2014/main" id="{481F9101-CF0E-F6E5-1CDA-B2255CC4935C}"/>
                    </a:ext>
                  </a:extLst>
                </p:cNvPr>
                <p:cNvSpPr/>
                <p:nvPr/>
              </p:nvSpPr>
              <p:spPr>
                <a:xfrm>
                  <a:off x="-2215690" y="44406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12" name="Rectangle 711">
                  <a:extLst>
                    <a:ext uri="{FF2B5EF4-FFF2-40B4-BE49-F238E27FC236}">
                      <a16:creationId xmlns:a16="http://schemas.microsoft.com/office/drawing/2014/main" id="{C8A546FC-6E43-6A2D-6495-918A686130B8}"/>
                    </a:ext>
                  </a:extLst>
                </p:cNvPr>
                <p:cNvSpPr/>
                <p:nvPr/>
              </p:nvSpPr>
              <p:spPr>
                <a:xfrm>
                  <a:off x="-1980835" y="44406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13" name="Rectangle 712">
                  <a:extLst>
                    <a:ext uri="{FF2B5EF4-FFF2-40B4-BE49-F238E27FC236}">
                      <a16:creationId xmlns:a16="http://schemas.microsoft.com/office/drawing/2014/main" id="{68502069-C121-499E-E663-04DD50B20A00}"/>
                    </a:ext>
                  </a:extLst>
                </p:cNvPr>
                <p:cNvSpPr/>
                <p:nvPr/>
              </p:nvSpPr>
              <p:spPr>
                <a:xfrm>
                  <a:off x="-1745949" y="44406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14" name="Rectangle 713">
                  <a:extLst>
                    <a:ext uri="{FF2B5EF4-FFF2-40B4-BE49-F238E27FC236}">
                      <a16:creationId xmlns:a16="http://schemas.microsoft.com/office/drawing/2014/main" id="{F22FDF47-DF42-4117-865A-98DC6B54C47A}"/>
                    </a:ext>
                  </a:extLst>
                </p:cNvPr>
                <p:cNvSpPr/>
                <p:nvPr/>
              </p:nvSpPr>
              <p:spPr>
                <a:xfrm>
                  <a:off x="-1511094" y="44406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15" name="Rectangle 714">
                  <a:extLst>
                    <a:ext uri="{FF2B5EF4-FFF2-40B4-BE49-F238E27FC236}">
                      <a16:creationId xmlns:a16="http://schemas.microsoft.com/office/drawing/2014/main" id="{1EC4B088-B1AC-31A9-C71A-633F27084835}"/>
                    </a:ext>
                  </a:extLst>
                </p:cNvPr>
                <p:cNvSpPr/>
                <p:nvPr/>
              </p:nvSpPr>
              <p:spPr>
                <a:xfrm>
                  <a:off x="-1276208" y="444064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16" name="Rectangle 715">
                  <a:extLst>
                    <a:ext uri="{FF2B5EF4-FFF2-40B4-BE49-F238E27FC236}">
                      <a16:creationId xmlns:a16="http://schemas.microsoft.com/office/drawing/2014/main" id="{232EC5B1-E628-6B55-A564-7E80614A6F88}"/>
                    </a:ext>
                  </a:extLst>
                </p:cNvPr>
                <p:cNvSpPr/>
                <p:nvPr/>
              </p:nvSpPr>
              <p:spPr>
                <a:xfrm>
                  <a:off x="-2685463" y="468283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17" name="Rectangle 716">
                  <a:extLst>
                    <a:ext uri="{FF2B5EF4-FFF2-40B4-BE49-F238E27FC236}">
                      <a16:creationId xmlns:a16="http://schemas.microsoft.com/office/drawing/2014/main" id="{3E04EDE1-E05E-42B1-18D7-B876B666C7DB}"/>
                    </a:ext>
                  </a:extLst>
                </p:cNvPr>
                <p:cNvSpPr/>
                <p:nvPr/>
              </p:nvSpPr>
              <p:spPr>
                <a:xfrm>
                  <a:off x="-2450577" y="468283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18" name="Rectangle 717">
                  <a:extLst>
                    <a:ext uri="{FF2B5EF4-FFF2-40B4-BE49-F238E27FC236}">
                      <a16:creationId xmlns:a16="http://schemas.microsoft.com/office/drawing/2014/main" id="{5F7A916F-95E7-70D8-E018-FAD34B955452}"/>
                    </a:ext>
                  </a:extLst>
                </p:cNvPr>
                <p:cNvSpPr/>
                <p:nvPr/>
              </p:nvSpPr>
              <p:spPr>
                <a:xfrm>
                  <a:off x="-2215690" y="468283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19" name="Rectangle 718">
                  <a:extLst>
                    <a:ext uri="{FF2B5EF4-FFF2-40B4-BE49-F238E27FC236}">
                      <a16:creationId xmlns:a16="http://schemas.microsoft.com/office/drawing/2014/main" id="{C8F31DD5-203A-0059-E825-229440E1D22C}"/>
                    </a:ext>
                  </a:extLst>
                </p:cNvPr>
                <p:cNvSpPr/>
                <p:nvPr/>
              </p:nvSpPr>
              <p:spPr>
                <a:xfrm>
                  <a:off x="-1980835" y="468283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20" name="Rectangle 719">
                  <a:extLst>
                    <a:ext uri="{FF2B5EF4-FFF2-40B4-BE49-F238E27FC236}">
                      <a16:creationId xmlns:a16="http://schemas.microsoft.com/office/drawing/2014/main" id="{C4B6908F-8E2D-6B0C-6AB9-06362398C576}"/>
                    </a:ext>
                  </a:extLst>
                </p:cNvPr>
                <p:cNvSpPr/>
                <p:nvPr/>
              </p:nvSpPr>
              <p:spPr>
                <a:xfrm>
                  <a:off x="-1745949" y="468283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21" name="Rectangle 720">
                  <a:extLst>
                    <a:ext uri="{FF2B5EF4-FFF2-40B4-BE49-F238E27FC236}">
                      <a16:creationId xmlns:a16="http://schemas.microsoft.com/office/drawing/2014/main" id="{38C76777-C991-B25A-4DF9-8E0D7C577DFD}"/>
                    </a:ext>
                  </a:extLst>
                </p:cNvPr>
                <p:cNvSpPr/>
                <p:nvPr/>
              </p:nvSpPr>
              <p:spPr>
                <a:xfrm>
                  <a:off x="-1511094" y="468283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22" name="Rectangle 721">
                  <a:extLst>
                    <a:ext uri="{FF2B5EF4-FFF2-40B4-BE49-F238E27FC236}">
                      <a16:creationId xmlns:a16="http://schemas.microsoft.com/office/drawing/2014/main" id="{1B67F0BA-CF4A-937F-BE4B-C8F724C5612A}"/>
                    </a:ext>
                  </a:extLst>
                </p:cNvPr>
                <p:cNvSpPr/>
                <p:nvPr/>
              </p:nvSpPr>
              <p:spPr>
                <a:xfrm>
                  <a:off x="-1276208" y="468283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23" name="Rectangle 722">
                  <a:extLst>
                    <a:ext uri="{FF2B5EF4-FFF2-40B4-BE49-F238E27FC236}">
                      <a16:creationId xmlns:a16="http://schemas.microsoft.com/office/drawing/2014/main" id="{1F03E40E-B7B5-DDD3-CE41-4AB412A5B479}"/>
                    </a:ext>
                  </a:extLst>
                </p:cNvPr>
                <p:cNvSpPr/>
                <p:nvPr/>
              </p:nvSpPr>
              <p:spPr>
                <a:xfrm>
                  <a:off x="-2685463" y="492505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24" name="Rectangle 723">
                  <a:extLst>
                    <a:ext uri="{FF2B5EF4-FFF2-40B4-BE49-F238E27FC236}">
                      <a16:creationId xmlns:a16="http://schemas.microsoft.com/office/drawing/2014/main" id="{6C7A67C1-07AA-B198-C17C-4AD82B5F026B}"/>
                    </a:ext>
                  </a:extLst>
                </p:cNvPr>
                <p:cNvSpPr/>
                <p:nvPr/>
              </p:nvSpPr>
              <p:spPr>
                <a:xfrm>
                  <a:off x="-2450577" y="492505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25" name="Rectangle 724">
                  <a:extLst>
                    <a:ext uri="{FF2B5EF4-FFF2-40B4-BE49-F238E27FC236}">
                      <a16:creationId xmlns:a16="http://schemas.microsoft.com/office/drawing/2014/main" id="{9530F60A-9992-DF40-7DE0-EBB692CA05CD}"/>
                    </a:ext>
                  </a:extLst>
                </p:cNvPr>
                <p:cNvSpPr/>
                <p:nvPr/>
              </p:nvSpPr>
              <p:spPr>
                <a:xfrm>
                  <a:off x="-2215690" y="492505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26" name="Rectangle 725">
                  <a:extLst>
                    <a:ext uri="{FF2B5EF4-FFF2-40B4-BE49-F238E27FC236}">
                      <a16:creationId xmlns:a16="http://schemas.microsoft.com/office/drawing/2014/main" id="{BE8B8636-2F60-D233-1986-2137FF1F6077}"/>
                    </a:ext>
                  </a:extLst>
                </p:cNvPr>
                <p:cNvSpPr/>
                <p:nvPr/>
              </p:nvSpPr>
              <p:spPr>
                <a:xfrm>
                  <a:off x="-1980835" y="492505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27" name="Rectangle 726">
                  <a:extLst>
                    <a:ext uri="{FF2B5EF4-FFF2-40B4-BE49-F238E27FC236}">
                      <a16:creationId xmlns:a16="http://schemas.microsoft.com/office/drawing/2014/main" id="{A3298D07-882B-B448-C2B3-DFFADFBBE837}"/>
                    </a:ext>
                  </a:extLst>
                </p:cNvPr>
                <p:cNvSpPr/>
                <p:nvPr/>
              </p:nvSpPr>
              <p:spPr>
                <a:xfrm>
                  <a:off x="-1745949" y="492505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28" name="Rectangle 727">
                  <a:extLst>
                    <a:ext uri="{FF2B5EF4-FFF2-40B4-BE49-F238E27FC236}">
                      <a16:creationId xmlns:a16="http://schemas.microsoft.com/office/drawing/2014/main" id="{DD99CD72-9252-9B38-F2E5-38AEF7CEE8BE}"/>
                    </a:ext>
                  </a:extLst>
                </p:cNvPr>
                <p:cNvSpPr/>
                <p:nvPr/>
              </p:nvSpPr>
              <p:spPr>
                <a:xfrm>
                  <a:off x="-1511094" y="492505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729" name="Rectangle 728">
                  <a:extLst>
                    <a:ext uri="{FF2B5EF4-FFF2-40B4-BE49-F238E27FC236}">
                      <a16:creationId xmlns:a16="http://schemas.microsoft.com/office/drawing/2014/main" id="{3FF63AB4-0374-CCE2-2334-FE8B98F7F3F2}"/>
                    </a:ext>
                  </a:extLst>
                </p:cNvPr>
                <p:cNvSpPr/>
                <p:nvPr/>
              </p:nvSpPr>
              <p:spPr>
                <a:xfrm>
                  <a:off x="-1276208" y="4925054"/>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grpSp>
          <p:grpSp>
            <p:nvGrpSpPr>
              <p:cNvPr id="631" name="Graphic 58">
                <a:extLst>
                  <a:ext uri="{FF2B5EF4-FFF2-40B4-BE49-F238E27FC236}">
                    <a16:creationId xmlns:a16="http://schemas.microsoft.com/office/drawing/2014/main" id="{FD732CDD-FF84-5813-5B07-505E3927C12D}"/>
                  </a:ext>
                </a:extLst>
              </p:cNvPr>
              <p:cNvGrpSpPr/>
              <p:nvPr/>
            </p:nvGrpSpPr>
            <p:grpSpPr>
              <a:xfrm>
                <a:off x="-2685463" y="1786503"/>
                <a:ext cx="1438084" cy="1481994"/>
                <a:chOff x="-2685463" y="1786503"/>
                <a:chExt cx="1438084" cy="1481994"/>
              </a:xfrm>
              <a:grpFill/>
            </p:grpSpPr>
            <p:sp>
              <p:nvSpPr>
                <p:cNvPr id="632" name="Rectangle 631">
                  <a:extLst>
                    <a:ext uri="{FF2B5EF4-FFF2-40B4-BE49-F238E27FC236}">
                      <a16:creationId xmlns:a16="http://schemas.microsoft.com/office/drawing/2014/main" id="{2C3E85A5-7794-67AC-1E72-331B89D53705}"/>
                    </a:ext>
                  </a:extLst>
                </p:cNvPr>
                <p:cNvSpPr/>
                <p:nvPr/>
              </p:nvSpPr>
              <p:spPr>
                <a:xfrm>
                  <a:off x="-2685463" y="178650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33" name="Rectangle 632">
                  <a:extLst>
                    <a:ext uri="{FF2B5EF4-FFF2-40B4-BE49-F238E27FC236}">
                      <a16:creationId xmlns:a16="http://schemas.microsoft.com/office/drawing/2014/main" id="{2C7C6939-C0C3-B5EC-20DF-1627F160D616}"/>
                    </a:ext>
                  </a:extLst>
                </p:cNvPr>
                <p:cNvSpPr/>
                <p:nvPr/>
              </p:nvSpPr>
              <p:spPr>
                <a:xfrm>
                  <a:off x="-2450577" y="178650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34" name="Rectangle 633">
                  <a:extLst>
                    <a:ext uri="{FF2B5EF4-FFF2-40B4-BE49-F238E27FC236}">
                      <a16:creationId xmlns:a16="http://schemas.microsoft.com/office/drawing/2014/main" id="{B098004D-115A-5862-D317-49E349BFD4DE}"/>
                    </a:ext>
                  </a:extLst>
                </p:cNvPr>
                <p:cNvSpPr/>
                <p:nvPr/>
              </p:nvSpPr>
              <p:spPr>
                <a:xfrm>
                  <a:off x="-2215690" y="178650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35" name="Rectangle 634">
                  <a:extLst>
                    <a:ext uri="{FF2B5EF4-FFF2-40B4-BE49-F238E27FC236}">
                      <a16:creationId xmlns:a16="http://schemas.microsoft.com/office/drawing/2014/main" id="{788B52DA-7BD6-9CC6-FFF0-35EEFF92C1C0}"/>
                    </a:ext>
                  </a:extLst>
                </p:cNvPr>
                <p:cNvSpPr/>
                <p:nvPr/>
              </p:nvSpPr>
              <p:spPr>
                <a:xfrm>
                  <a:off x="-1980835" y="178650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36" name="Rectangle 635">
                  <a:extLst>
                    <a:ext uri="{FF2B5EF4-FFF2-40B4-BE49-F238E27FC236}">
                      <a16:creationId xmlns:a16="http://schemas.microsoft.com/office/drawing/2014/main" id="{11C0BC5A-8EC5-B6E0-2597-34E173C1F1D6}"/>
                    </a:ext>
                  </a:extLst>
                </p:cNvPr>
                <p:cNvSpPr/>
                <p:nvPr/>
              </p:nvSpPr>
              <p:spPr>
                <a:xfrm>
                  <a:off x="-1745949" y="178650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37" name="Rectangle 636">
                  <a:extLst>
                    <a:ext uri="{FF2B5EF4-FFF2-40B4-BE49-F238E27FC236}">
                      <a16:creationId xmlns:a16="http://schemas.microsoft.com/office/drawing/2014/main" id="{7B86D481-E355-3CF8-63C4-83165ECC485E}"/>
                    </a:ext>
                  </a:extLst>
                </p:cNvPr>
                <p:cNvSpPr/>
                <p:nvPr/>
              </p:nvSpPr>
              <p:spPr>
                <a:xfrm>
                  <a:off x="-1511094" y="178650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38" name="Rectangle 637">
                  <a:extLst>
                    <a:ext uri="{FF2B5EF4-FFF2-40B4-BE49-F238E27FC236}">
                      <a16:creationId xmlns:a16="http://schemas.microsoft.com/office/drawing/2014/main" id="{AA24E80F-CF9A-2AC8-1B1C-30C02282F42D}"/>
                    </a:ext>
                  </a:extLst>
                </p:cNvPr>
                <p:cNvSpPr/>
                <p:nvPr/>
              </p:nvSpPr>
              <p:spPr>
                <a:xfrm>
                  <a:off x="-1276208" y="178650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39" name="Rectangle 638">
                  <a:extLst>
                    <a:ext uri="{FF2B5EF4-FFF2-40B4-BE49-F238E27FC236}">
                      <a16:creationId xmlns:a16="http://schemas.microsoft.com/office/drawing/2014/main" id="{24B26AD2-FC47-378C-2A76-91070B4C2845}"/>
                    </a:ext>
                  </a:extLst>
                </p:cNvPr>
                <p:cNvSpPr/>
                <p:nvPr/>
              </p:nvSpPr>
              <p:spPr>
                <a:xfrm>
                  <a:off x="-2685463" y="2028692"/>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40" name="Rectangle 639">
                  <a:extLst>
                    <a:ext uri="{FF2B5EF4-FFF2-40B4-BE49-F238E27FC236}">
                      <a16:creationId xmlns:a16="http://schemas.microsoft.com/office/drawing/2014/main" id="{C1EDC7E7-3E31-7AE0-495E-B89F490EF36F}"/>
                    </a:ext>
                  </a:extLst>
                </p:cNvPr>
                <p:cNvSpPr/>
                <p:nvPr/>
              </p:nvSpPr>
              <p:spPr>
                <a:xfrm>
                  <a:off x="-2450577" y="2028692"/>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41" name="Rectangle 640">
                  <a:extLst>
                    <a:ext uri="{FF2B5EF4-FFF2-40B4-BE49-F238E27FC236}">
                      <a16:creationId xmlns:a16="http://schemas.microsoft.com/office/drawing/2014/main" id="{7FC46213-AF0D-62E9-F26F-9E7AB89DE921}"/>
                    </a:ext>
                  </a:extLst>
                </p:cNvPr>
                <p:cNvSpPr/>
                <p:nvPr/>
              </p:nvSpPr>
              <p:spPr>
                <a:xfrm>
                  <a:off x="-2215690" y="2028692"/>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42" name="Rectangle 641">
                  <a:extLst>
                    <a:ext uri="{FF2B5EF4-FFF2-40B4-BE49-F238E27FC236}">
                      <a16:creationId xmlns:a16="http://schemas.microsoft.com/office/drawing/2014/main" id="{BC83CE05-FB56-1EA3-8CED-8D1D08F9B325}"/>
                    </a:ext>
                  </a:extLst>
                </p:cNvPr>
                <p:cNvSpPr/>
                <p:nvPr/>
              </p:nvSpPr>
              <p:spPr>
                <a:xfrm>
                  <a:off x="-1980835" y="2028692"/>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43" name="Rectangle 642">
                  <a:extLst>
                    <a:ext uri="{FF2B5EF4-FFF2-40B4-BE49-F238E27FC236}">
                      <a16:creationId xmlns:a16="http://schemas.microsoft.com/office/drawing/2014/main" id="{D7A04C63-DD26-798C-64B0-C408D81C99DB}"/>
                    </a:ext>
                  </a:extLst>
                </p:cNvPr>
                <p:cNvSpPr/>
                <p:nvPr/>
              </p:nvSpPr>
              <p:spPr>
                <a:xfrm>
                  <a:off x="-1745949" y="2028692"/>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44" name="Rectangle 643">
                  <a:extLst>
                    <a:ext uri="{FF2B5EF4-FFF2-40B4-BE49-F238E27FC236}">
                      <a16:creationId xmlns:a16="http://schemas.microsoft.com/office/drawing/2014/main" id="{1D2B641B-70DE-EB25-ED2D-15FEE0F54E3C}"/>
                    </a:ext>
                  </a:extLst>
                </p:cNvPr>
                <p:cNvSpPr/>
                <p:nvPr/>
              </p:nvSpPr>
              <p:spPr>
                <a:xfrm>
                  <a:off x="-1511094" y="2028692"/>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45" name="Rectangle 644">
                  <a:extLst>
                    <a:ext uri="{FF2B5EF4-FFF2-40B4-BE49-F238E27FC236}">
                      <a16:creationId xmlns:a16="http://schemas.microsoft.com/office/drawing/2014/main" id="{25FAF40C-88F0-81C9-C53E-D22BC0F370BF}"/>
                    </a:ext>
                  </a:extLst>
                </p:cNvPr>
                <p:cNvSpPr/>
                <p:nvPr/>
              </p:nvSpPr>
              <p:spPr>
                <a:xfrm>
                  <a:off x="-1276208" y="2028692"/>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46" name="Rectangle 645">
                  <a:extLst>
                    <a:ext uri="{FF2B5EF4-FFF2-40B4-BE49-F238E27FC236}">
                      <a16:creationId xmlns:a16="http://schemas.microsoft.com/office/drawing/2014/main" id="{5B862311-84D3-7054-BE0B-8BFE94FBA924}"/>
                    </a:ext>
                  </a:extLst>
                </p:cNvPr>
                <p:cNvSpPr/>
                <p:nvPr/>
              </p:nvSpPr>
              <p:spPr>
                <a:xfrm>
                  <a:off x="-2685463" y="227091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47" name="Rectangle 646">
                  <a:extLst>
                    <a:ext uri="{FF2B5EF4-FFF2-40B4-BE49-F238E27FC236}">
                      <a16:creationId xmlns:a16="http://schemas.microsoft.com/office/drawing/2014/main" id="{FB77AA01-C867-8C14-47A1-0374CEB1CFD1}"/>
                    </a:ext>
                  </a:extLst>
                </p:cNvPr>
                <p:cNvSpPr/>
                <p:nvPr/>
              </p:nvSpPr>
              <p:spPr>
                <a:xfrm>
                  <a:off x="-2450577" y="227091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48" name="Rectangle 647">
                  <a:extLst>
                    <a:ext uri="{FF2B5EF4-FFF2-40B4-BE49-F238E27FC236}">
                      <a16:creationId xmlns:a16="http://schemas.microsoft.com/office/drawing/2014/main" id="{7369E778-9F23-5A6B-CE74-759BAA97F948}"/>
                    </a:ext>
                  </a:extLst>
                </p:cNvPr>
                <p:cNvSpPr/>
                <p:nvPr/>
              </p:nvSpPr>
              <p:spPr>
                <a:xfrm>
                  <a:off x="-2215690" y="227091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49" name="Rectangle 648">
                  <a:extLst>
                    <a:ext uri="{FF2B5EF4-FFF2-40B4-BE49-F238E27FC236}">
                      <a16:creationId xmlns:a16="http://schemas.microsoft.com/office/drawing/2014/main" id="{D22D5D3D-DC30-9F47-9EC6-E3079DB48399}"/>
                    </a:ext>
                  </a:extLst>
                </p:cNvPr>
                <p:cNvSpPr/>
                <p:nvPr/>
              </p:nvSpPr>
              <p:spPr>
                <a:xfrm>
                  <a:off x="-1980835" y="227091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50" name="Rectangle 649">
                  <a:extLst>
                    <a:ext uri="{FF2B5EF4-FFF2-40B4-BE49-F238E27FC236}">
                      <a16:creationId xmlns:a16="http://schemas.microsoft.com/office/drawing/2014/main" id="{58599E7A-DB3C-7461-B452-BA1B90A740C6}"/>
                    </a:ext>
                  </a:extLst>
                </p:cNvPr>
                <p:cNvSpPr/>
                <p:nvPr/>
              </p:nvSpPr>
              <p:spPr>
                <a:xfrm>
                  <a:off x="-1745949" y="227091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51" name="Rectangle 650">
                  <a:extLst>
                    <a:ext uri="{FF2B5EF4-FFF2-40B4-BE49-F238E27FC236}">
                      <a16:creationId xmlns:a16="http://schemas.microsoft.com/office/drawing/2014/main" id="{CA1DCD4F-0FD7-FA17-D0A7-F04CB1D7C2CD}"/>
                    </a:ext>
                  </a:extLst>
                </p:cNvPr>
                <p:cNvSpPr/>
                <p:nvPr/>
              </p:nvSpPr>
              <p:spPr>
                <a:xfrm>
                  <a:off x="-1511094" y="227091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52" name="Rectangle 651">
                  <a:extLst>
                    <a:ext uri="{FF2B5EF4-FFF2-40B4-BE49-F238E27FC236}">
                      <a16:creationId xmlns:a16="http://schemas.microsoft.com/office/drawing/2014/main" id="{9A567927-1B61-1C68-543B-2D19E4DE905B}"/>
                    </a:ext>
                  </a:extLst>
                </p:cNvPr>
                <p:cNvSpPr/>
                <p:nvPr/>
              </p:nvSpPr>
              <p:spPr>
                <a:xfrm>
                  <a:off x="-1276208" y="2270913"/>
                  <a:ext cx="28828" cy="28828"/>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53" name="Rectangle 652">
                  <a:extLst>
                    <a:ext uri="{FF2B5EF4-FFF2-40B4-BE49-F238E27FC236}">
                      <a16:creationId xmlns:a16="http://schemas.microsoft.com/office/drawing/2014/main" id="{CC999AD8-E08D-51D4-C6E1-DE1F7C7FBEBD}"/>
                    </a:ext>
                  </a:extLst>
                </p:cNvPr>
                <p:cNvSpPr/>
                <p:nvPr/>
              </p:nvSpPr>
              <p:spPr>
                <a:xfrm>
                  <a:off x="-2685463" y="251310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54" name="Rectangle 653">
                  <a:extLst>
                    <a:ext uri="{FF2B5EF4-FFF2-40B4-BE49-F238E27FC236}">
                      <a16:creationId xmlns:a16="http://schemas.microsoft.com/office/drawing/2014/main" id="{441DA1B1-7CF5-E20D-5222-A78215AC4E97}"/>
                    </a:ext>
                  </a:extLst>
                </p:cNvPr>
                <p:cNvSpPr/>
                <p:nvPr/>
              </p:nvSpPr>
              <p:spPr>
                <a:xfrm>
                  <a:off x="-2450577" y="251310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55" name="Rectangle 654">
                  <a:extLst>
                    <a:ext uri="{FF2B5EF4-FFF2-40B4-BE49-F238E27FC236}">
                      <a16:creationId xmlns:a16="http://schemas.microsoft.com/office/drawing/2014/main" id="{CC9402E0-7EC0-9CDB-45AD-35DA5939D68B}"/>
                    </a:ext>
                  </a:extLst>
                </p:cNvPr>
                <p:cNvSpPr/>
                <p:nvPr/>
              </p:nvSpPr>
              <p:spPr>
                <a:xfrm>
                  <a:off x="-2215690" y="251310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56" name="Rectangle 655">
                  <a:extLst>
                    <a:ext uri="{FF2B5EF4-FFF2-40B4-BE49-F238E27FC236}">
                      <a16:creationId xmlns:a16="http://schemas.microsoft.com/office/drawing/2014/main" id="{FF51E371-4718-E9F3-DA8E-1D187DF37B30}"/>
                    </a:ext>
                  </a:extLst>
                </p:cNvPr>
                <p:cNvSpPr/>
                <p:nvPr/>
              </p:nvSpPr>
              <p:spPr>
                <a:xfrm>
                  <a:off x="-1980835" y="251310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57" name="Rectangle 656">
                  <a:extLst>
                    <a:ext uri="{FF2B5EF4-FFF2-40B4-BE49-F238E27FC236}">
                      <a16:creationId xmlns:a16="http://schemas.microsoft.com/office/drawing/2014/main" id="{86C8D7E4-A4B2-28B4-A49C-EE254C73975B}"/>
                    </a:ext>
                  </a:extLst>
                </p:cNvPr>
                <p:cNvSpPr/>
                <p:nvPr/>
              </p:nvSpPr>
              <p:spPr>
                <a:xfrm>
                  <a:off x="-1745949" y="251310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58" name="Rectangle 657">
                  <a:extLst>
                    <a:ext uri="{FF2B5EF4-FFF2-40B4-BE49-F238E27FC236}">
                      <a16:creationId xmlns:a16="http://schemas.microsoft.com/office/drawing/2014/main" id="{9EFC5170-5471-0A98-1828-C818AA4F8D9C}"/>
                    </a:ext>
                  </a:extLst>
                </p:cNvPr>
                <p:cNvSpPr/>
                <p:nvPr/>
              </p:nvSpPr>
              <p:spPr>
                <a:xfrm>
                  <a:off x="-1511094" y="251310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59" name="Rectangle 658">
                  <a:extLst>
                    <a:ext uri="{FF2B5EF4-FFF2-40B4-BE49-F238E27FC236}">
                      <a16:creationId xmlns:a16="http://schemas.microsoft.com/office/drawing/2014/main" id="{B6A5190C-0710-025E-0BDA-5DB8DAB74C9F}"/>
                    </a:ext>
                  </a:extLst>
                </p:cNvPr>
                <p:cNvSpPr/>
                <p:nvPr/>
              </p:nvSpPr>
              <p:spPr>
                <a:xfrm>
                  <a:off x="-1276208" y="2513102"/>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60" name="Rectangle 659">
                  <a:extLst>
                    <a:ext uri="{FF2B5EF4-FFF2-40B4-BE49-F238E27FC236}">
                      <a16:creationId xmlns:a16="http://schemas.microsoft.com/office/drawing/2014/main" id="{D54D95E6-FE46-313E-30D9-86B5E00E2101}"/>
                    </a:ext>
                  </a:extLst>
                </p:cNvPr>
                <p:cNvSpPr/>
                <p:nvPr/>
              </p:nvSpPr>
              <p:spPr>
                <a:xfrm>
                  <a:off x="-2685463" y="275529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61" name="Rectangle 660">
                  <a:extLst>
                    <a:ext uri="{FF2B5EF4-FFF2-40B4-BE49-F238E27FC236}">
                      <a16:creationId xmlns:a16="http://schemas.microsoft.com/office/drawing/2014/main" id="{0405F509-3F60-8C8F-0E43-9C72561B40B7}"/>
                    </a:ext>
                  </a:extLst>
                </p:cNvPr>
                <p:cNvSpPr/>
                <p:nvPr/>
              </p:nvSpPr>
              <p:spPr>
                <a:xfrm>
                  <a:off x="-2450577" y="275529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62" name="Rectangle 661">
                  <a:extLst>
                    <a:ext uri="{FF2B5EF4-FFF2-40B4-BE49-F238E27FC236}">
                      <a16:creationId xmlns:a16="http://schemas.microsoft.com/office/drawing/2014/main" id="{9C8DEEAC-BD47-569B-C0EF-46B97A8C2641}"/>
                    </a:ext>
                  </a:extLst>
                </p:cNvPr>
                <p:cNvSpPr/>
                <p:nvPr/>
              </p:nvSpPr>
              <p:spPr>
                <a:xfrm>
                  <a:off x="-2215690" y="275529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63" name="Rectangle 662">
                  <a:extLst>
                    <a:ext uri="{FF2B5EF4-FFF2-40B4-BE49-F238E27FC236}">
                      <a16:creationId xmlns:a16="http://schemas.microsoft.com/office/drawing/2014/main" id="{3CAB9E11-D75A-6D27-F97F-3CD59DC504AD}"/>
                    </a:ext>
                  </a:extLst>
                </p:cNvPr>
                <p:cNvSpPr/>
                <p:nvPr/>
              </p:nvSpPr>
              <p:spPr>
                <a:xfrm>
                  <a:off x="-1980835" y="275529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64" name="Rectangle 663">
                  <a:extLst>
                    <a:ext uri="{FF2B5EF4-FFF2-40B4-BE49-F238E27FC236}">
                      <a16:creationId xmlns:a16="http://schemas.microsoft.com/office/drawing/2014/main" id="{A9938F6A-0665-7472-0459-A1DF3E48836F}"/>
                    </a:ext>
                  </a:extLst>
                </p:cNvPr>
                <p:cNvSpPr/>
                <p:nvPr/>
              </p:nvSpPr>
              <p:spPr>
                <a:xfrm>
                  <a:off x="-1745949" y="275529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65" name="Rectangle 664">
                  <a:extLst>
                    <a:ext uri="{FF2B5EF4-FFF2-40B4-BE49-F238E27FC236}">
                      <a16:creationId xmlns:a16="http://schemas.microsoft.com/office/drawing/2014/main" id="{254EB48A-BA05-533A-979D-4B0939AB3B22}"/>
                    </a:ext>
                  </a:extLst>
                </p:cNvPr>
                <p:cNvSpPr/>
                <p:nvPr/>
              </p:nvSpPr>
              <p:spPr>
                <a:xfrm>
                  <a:off x="-1511094" y="275529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66" name="Rectangle 665">
                  <a:extLst>
                    <a:ext uri="{FF2B5EF4-FFF2-40B4-BE49-F238E27FC236}">
                      <a16:creationId xmlns:a16="http://schemas.microsoft.com/office/drawing/2014/main" id="{06C6D607-1F86-3DF0-B561-A189FFB09C25}"/>
                    </a:ext>
                  </a:extLst>
                </p:cNvPr>
                <p:cNvSpPr/>
                <p:nvPr/>
              </p:nvSpPr>
              <p:spPr>
                <a:xfrm>
                  <a:off x="-1276208" y="2755291"/>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67" name="Rectangle 666">
                  <a:extLst>
                    <a:ext uri="{FF2B5EF4-FFF2-40B4-BE49-F238E27FC236}">
                      <a16:creationId xmlns:a16="http://schemas.microsoft.com/office/drawing/2014/main" id="{BD06EF38-6EE9-63F6-4C41-026DE5D2C22B}"/>
                    </a:ext>
                  </a:extLst>
                </p:cNvPr>
                <p:cNvSpPr/>
                <p:nvPr/>
              </p:nvSpPr>
              <p:spPr>
                <a:xfrm>
                  <a:off x="-2685463" y="299748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68" name="Rectangle 667">
                  <a:extLst>
                    <a:ext uri="{FF2B5EF4-FFF2-40B4-BE49-F238E27FC236}">
                      <a16:creationId xmlns:a16="http://schemas.microsoft.com/office/drawing/2014/main" id="{EB374AAB-DE34-68C2-6621-B1C5EE7C6F3E}"/>
                    </a:ext>
                  </a:extLst>
                </p:cNvPr>
                <p:cNvSpPr/>
                <p:nvPr/>
              </p:nvSpPr>
              <p:spPr>
                <a:xfrm>
                  <a:off x="-2450577" y="299748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69" name="Rectangle 668">
                  <a:extLst>
                    <a:ext uri="{FF2B5EF4-FFF2-40B4-BE49-F238E27FC236}">
                      <a16:creationId xmlns:a16="http://schemas.microsoft.com/office/drawing/2014/main" id="{A0B56B78-4EBC-BB5D-D5FF-88C424D9D850}"/>
                    </a:ext>
                  </a:extLst>
                </p:cNvPr>
                <p:cNvSpPr/>
                <p:nvPr/>
              </p:nvSpPr>
              <p:spPr>
                <a:xfrm>
                  <a:off x="-2215690" y="299748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70" name="Rectangle 669">
                  <a:extLst>
                    <a:ext uri="{FF2B5EF4-FFF2-40B4-BE49-F238E27FC236}">
                      <a16:creationId xmlns:a16="http://schemas.microsoft.com/office/drawing/2014/main" id="{05814D8E-5B06-B94E-4390-108FC8DDF52E}"/>
                    </a:ext>
                  </a:extLst>
                </p:cNvPr>
                <p:cNvSpPr/>
                <p:nvPr/>
              </p:nvSpPr>
              <p:spPr>
                <a:xfrm>
                  <a:off x="-1980835" y="299748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71" name="Rectangle 670">
                  <a:extLst>
                    <a:ext uri="{FF2B5EF4-FFF2-40B4-BE49-F238E27FC236}">
                      <a16:creationId xmlns:a16="http://schemas.microsoft.com/office/drawing/2014/main" id="{D4432CB6-EBFD-B9B0-B374-571F17051F41}"/>
                    </a:ext>
                  </a:extLst>
                </p:cNvPr>
                <p:cNvSpPr/>
                <p:nvPr/>
              </p:nvSpPr>
              <p:spPr>
                <a:xfrm>
                  <a:off x="-1745949" y="299748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72" name="Rectangle 671">
                  <a:extLst>
                    <a:ext uri="{FF2B5EF4-FFF2-40B4-BE49-F238E27FC236}">
                      <a16:creationId xmlns:a16="http://schemas.microsoft.com/office/drawing/2014/main" id="{50FECA7C-06B0-907E-8452-542B86037329}"/>
                    </a:ext>
                  </a:extLst>
                </p:cNvPr>
                <p:cNvSpPr/>
                <p:nvPr/>
              </p:nvSpPr>
              <p:spPr>
                <a:xfrm>
                  <a:off x="-1511094" y="299748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73" name="Rectangle 672">
                  <a:extLst>
                    <a:ext uri="{FF2B5EF4-FFF2-40B4-BE49-F238E27FC236}">
                      <a16:creationId xmlns:a16="http://schemas.microsoft.com/office/drawing/2014/main" id="{5BF7E486-111B-BCC6-AC71-CA4564A8C19B}"/>
                    </a:ext>
                  </a:extLst>
                </p:cNvPr>
                <p:cNvSpPr/>
                <p:nvPr/>
              </p:nvSpPr>
              <p:spPr>
                <a:xfrm>
                  <a:off x="-1276208" y="2997480"/>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74" name="Rectangle 673">
                  <a:extLst>
                    <a:ext uri="{FF2B5EF4-FFF2-40B4-BE49-F238E27FC236}">
                      <a16:creationId xmlns:a16="http://schemas.microsoft.com/office/drawing/2014/main" id="{E21D46D1-78CD-98D5-C6AB-E7DF5161CB8A}"/>
                    </a:ext>
                  </a:extLst>
                </p:cNvPr>
                <p:cNvSpPr/>
                <p:nvPr/>
              </p:nvSpPr>
              <p:spPr>
                <a:xfrm>
                  <a:off x="-2685463" y="323966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75" name="Rectangle 674">
                  <a:extLst>
                    <a:ext uri="{FF2B5EF4-FFF2-40B4-BE49-F238E27FC236}">
                      <a16:creationId xmlns:a16="http://schemas.microsoft.com/office/drawing/2014/main" id="{F986A7B2-F25C-D1C7-1B1B-C38EBEB30483}"/>
                    </a:ext>
                  </a:extLst>
                </p:cNvPr>
                <p:cNvSpPr/>
                <p:nvPr/>
              </p:nvSpPr>
              <p:spPr>
                <a:xfrm>
                  <a:off x="-2450577" y="323966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76" name="Rectangle 675">
                  <a:extLst>
                    <a:ext uri="{FF2B5EF4-FFF2-40B4-BE49-F238E27FC236}">
                      <a16:creationId xmlns:a16="http://schemas.microsoft.com/office/drawing/2014/main" id="{CE55FCCD-51AF-D0B2-3CB7-39683B164E09}"/>
                    </a:ext>
                  </a:extLst>
                </p:cNvPr>
                <p:cNvSpPr/>
                <p:nvPr/>
              </p:nvSpPr>
              <p:spPr>
                <a:xfrm>
                  <a:off x="-2215690" y="323966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77" name="Rectangle 676">
                  <a:extLst>
                    <a:ext uri="{FF2B5EF4-FFF2-40B4-BE49-F238E27FC236}">
                      <a16:creationId xmlns:a16="http://schemas.microsoft.com/office/drawing/2014/main" id="{49309958-08C0-5267-7587-193F6AAF8FD5}"/>
                    </a:ext>
                  </a:extLst>
                </p:cNvPr>
                <p:cNvSpPr/>
                <p:nvPr/>
              </p:nvSpPr>
              <p:spPr>
                <a:xfrm>
                  <a:off x="-1980835" y="323966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78" name="Rectangle 677">
                  <a:extLst>
                    <a:ext uri="{FF2B5EF4-FFF2-40B4-BE49-F238E27FC236}">
                      <a16:creationId xmlns:a16="http://schemas.microsoft.com/office/drawing/2014/main" id="{0D3F439D-40B0-492E-8F12-89063779A039}"/>
                    </a:ext>
                  </a:extLst>
                </p:cNvPr>
                <p:cNvSpPr/>
                <p:nvPr/>
              </p:nvSpPr>
              <p:spPr>
                <a:xfrm>
                  <a:off x="-1745949" y="323966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79" name="Rectangle 678">
                  <a:extLst>
                    <a:ext uri="{FF2B5EF4-FFF2-40B4-BE49-F238E27FC236}">
                      <a16:creationId xmlns:a16="http://schemas.microsoft.com/office/drawing/2014/main" id="{DAA069E4-C482-67BA-8A25-9331DE6B1C95}"/>
                    </a:ext>
                  </a:extLst>
                </p:cNvPr>
                <p:cNvSpPr/>
                <p:nvPr/>
              </p:nvSpPr>
              <p:spPr>
                <a:xfrm>
                  <a:off x="-1511094" y="323966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sp>
              <p:nvSpPr>
                <p:cNvPr id="680" name="Rectangle 679">
                  <a:extLst>
                    <a:ext uri="{FF2B5EF4-FFF2-40B4-BE49-F238E27FC236}">
                      <a16:creationId xmlns:a16="http://schemas.microsoft.com/office/drawing/2014/main" id="{4F278185-B8DF-8707-1E96-34AD9F0465F5}"/>
                    </a:ext>
                  </a:extLst>
                </p:cNvPr>
                <p:cNvSpPr/>
                <p:nvPr/>
              </p:nvSpPr>
              <p:spPr>
                <a:xfrm>
                  <a:off x="-1276208" y="3239669"/>
                  <a:ext cx="28828" cy="28829"/>
                </a:xfrm>
                <a:prstGeom prst="rect">
                  <a:avLst/>
                </a:prstGeom>
                <a:grpFill/>
                <a:ln w="3175" cap="flat">
                  <a:noFill/>
                  <a:prstDash val="solid"/>
                  <a:miter/>
                </a:ln>
              </p:spPr>
              <p:txBody>
                <a:bodyPr/>
                <a:lstStyle/>
                <a:p>
                  <a:endParaRPr lang="en-IN" dirty="0">
                    <a:latin typeface="Roboto SemiBold" panose="02000000000000000000" pitchFamily="2" charset="0"/>
                  </a:endParaRPr>
                </a:p>
              </p:txBody>
            </p:sp>
          </p:grpSp>
        </p:grpSp>
      </p:grpSp>
      <p:sp>
        <p:nvSpPr>
          <p:cNvPr id="2" name="Title 1">
            <a:extLst>
              <a:ext uri="{FF2B5EF4-FFF2-40B4-BE49-F238E27FC236}">
                <a16:creationId xmlns:a16="http://schemas.microsoft.com/office/drawing/2014/main" id="{DDAE1496-2352-1C9D-CFFD-DEE532A85E7C}"/>
              </a:ext>
            </a:extLst>
          </p:cNvPr>
          <p:cNvSpPr>
            <a:spLocks noGrp="1"/>
          </p:cNvSpPr>
          <p:nvPr>
            <p:ph type="title"/>
          </p:nvPr>
        </p:nvSpPr>
        <p:spPr/>
        <p:txBody>
          <a:bodyPr/>
          <a:lstStyle/>
          <a:p>
            <a:r>
              <a:rPr lang="en-US"/>
              <a:t>Click to edit Master title style</a:t>
            </a:r>
            <a:endParaRPr lang="en-IN"/>
          </a:p>
        </p:txBody>
      </p:sp>
      <p:sp>
        <p:nvSpPr>
          <p:cNvPr id="3" name="Content Placeholder 2">
            <a:extLst>
              <a:ext uri="{FF2B5EF4-FFF2-40B4-BE49-F238E27FC236}">
                <a16:creationId xmlns:a16="http://schemas.microsoft.com/office/drawing/2014/main" id="{CEFB1976-F5EC-72AF-6466-787065906844}"/>
              </a:ext>
            </a:extLst>
          </p:cNvPr>
          <p:cNvSpPr>
            <a:spLocks noGrp="1"/>
          </p:cNvSpPr>
          <p:nvPr>
            <p:ph idx="1"/>
          </p:nvPr>
        </p:nvSpPr>
        <p:spPr/>
        <p:txBody>
          <a:bodyPr>
            <a:normAutofit/>
          </a:bodyPr>
          <a:lstStyle>
            <a:lvl1pPr>
              <a:defRPr sz="1200"/>
            </a:lvl1pPr>
            <a:lvl2pPr>
              <a:defRPr sz="1100"/>
            </a:lvl2pPr>
            <a:lvl3pPr>
              <a:defRPr sz="1050"/>
            </a:lvl3pPr>
            <a:lvl4pPr>
              <a:defRPr sz="1000"/>
            </a:lvl4pPr>
            <a:lvl5pPr>
              <a:defRPr sz="1000"/>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625" name="Rectangle 624">
            <a:extLst>
              <a:ext uri="{FF2B5EF4-FFF2-40B4-BE49-F238E27FC236}">
                <a16:creationId xmlns:a16="http://schemas.microsoft.com/office/drawing/2014/main" id="{3F9E6F0E-34F4-57C0-7E38-11683E9144C6}"/>
              </a:ext>
            </a:extLst>
          </p:cNvPr>
          <p:cNvSpPr/>
          <p:nvPr userDrawn="1"/>
        </p:nvSpPr>
        <p:spPr>
          <a:xfrm rot="5400000" flipH="1">
            <a:off x="850883" y="545715"/>
            <a:ext cx="13244" cy="555584"/>
          </a:xfrm>
          <a:prstGeom prst="rect">
            <a:avLst/>
          </a:prstGeom>
          <a:solidFill>
            <a:srgbClr val="30609E"/>
          </a:solidFill>
          <a:ln w="12700" cap="rnd">
            <a:solidFill>
              <a:srgbClr val="7D509C"/>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solidFill>
                <a:schemeClr val="tx1"/>
              </a:solidFill>
              <a:latin typeface="Roboto SemiBold" panose="02000000000000000000" pitchFamily="2" charset="0"/>
            </a:endParaRPr>
          </a:p>
        </p:txBody>
      </p:sp>
      <p:pic>
        <p:nvPicPr>
          <p:cNvPr id="8" name="Picture 7">
            <a:extLst>
              <a:ext uri="{FF2B5EF4-FFF2-40B4-BE49-F238E27FC236}">
                <a16:creationId xmlns:a16="http://schemas.microsoft.com/office/drawing/2014/main" id="{71D9F744-2F84-7C70-9080-66A337162380}"/>
              </a:ext>
            </a:extLst>
          </p:cNvPr>
          <p:cNvPicPr>
            <a:picLocks noChangeAspect="1"/>
          </p:cNvPicPr>
          <p:nvPr userDrawn="1"/>
        </p:nvPicPr>
        <p:blipFill>
          <a:blip r:embed="rId3" cstate="screen">
            <a:extLst>
              <a:ext uri="{28A0092B-C50C-407E-A947-70E740481C1C}">
                <a14:useLocalDpi xmlns:a14="http://schemas.microsoft.com/office/drawing/2010/main"/>
              </a:ext>
            </a:extLst>
          </a:blip>
          <a:stretch>
            <a:fillRect/>
          </a:stretch>
        </p:blipFill>
        <p:spPr>
          <a:xfrm>
            <a:off x="68594" y="6470791"/>
            <a:ext cx="844358" cy="253308"/>
          </a:xfrm>
          <a:prstGeom prst="rect">
            <a:avLst/>
          </a:prstGeom>
        </p:spPr>
      </p:pic>
      <p:cxnSp>
        <p:nvCxnSpPr>
          <p:cNvPr id="6" name="Straight Connector 5">
            <a:extLst>
              <a:ext uri="{FF2B5EF4-FFF2-40B4-BE49-F238E27FC236}">
                <a16:creationId xmlns:a16="http://schemas.microsoft.com/office/drawing/2014/main" id="{E6652532-2A18-DDEE-9916-DB7573351073}"/>
              </a:ext>
            </a:extLst>
          </p:cNvPr>
          <p:cNvCxnSpPr>
            <a:cxnSpLocks/>
          </p:cNvCxnSpPr>
          <p:nvPr userDrawn="1"/>
        </p:nvCxnSpPr>
        <p:spPr>
          <a:xfrm>
            <a:off x="912952" y="6597445"/>
            <a:ext cx="10798687" cy="0"/>
          </a:xfrm>
          <a:prstGeom prst="line">
            <a:avLst/>
          </a:prstGeom>
          <a:ln w="9525">
            <a:solidFill>
              <a:srgbClr val="0085BE"/>
            </a:solidFill>
          </a:ln>
        </p:spPr>
        <p:style>
          <a:lnRef idx="2">
            <a:schemeClr val="accent1"/>
          </a:lnRef>
          <a:fillRef idx="0">
            <a:schemeClr val="accent1"/>
          </a:fillRef>
          <a:effectRef idx="1">
            <a:schemeClr val="accent1"/>
          </a:effectRef>
          <a:fontRef idx="minor">
            <a:schemeClr val="tx1"/>
          </a:fontRef>
        </p:style>
      </p:cxnSp>
      <p:sp>
        <p:nvSpPr>
          <p:cNvPr id="7" name="Slide Number Placeholder 5">
            <a:extLst>
              <a:ext uri="{FF2B5EF4-FFF2-40B4-BE49-F238E27FC236}">
                <a16:creationId xmlns:a16="http://schemas.microsoft.com/office/drawing/2014/main" id="{CAE8D7AC-CE67-CFE7-A310-F53D286EDCC2}"/>
              </a:ext>
            </a:extLst>
          </p:cNvPr>
          <p:cNvSpPr txBox="1">
            <a:spLocks/>
          </p:cNvSpPr>
          <p:nvPr userDrawn="1"/>
        </p:nvSpPr>
        <p:spPr>
          <a:xfrm>
            <a:off x="11376925" y="6464429"/>
            <a:ext cx="681134" cy="365125"/>
          </a:xfrm>
          <a:prstGeom prst="rect">
            <a:avLst/>
          </a:prstGeom>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r"/>
            <a:fld id="{0709FFFB-D518-421B-9F2D-9D0425F7A92C}" type="slidenum">
              <a:rPr lang="en-IN" sz="1050" smtClean="0">
                <a:solidFill>
                  <a:srgbClr val="0085BE"/>
                </a:solidFill>
                <a:latin typeface="Roboto SemiBold" panose="02000000000000000000" pitchFamily="2" charset="0"/>
                <a:ea typeface="Roboto Light" panose="02000000000000000000" pitchFamily="2" charset="0"/>
              </a:rPr>
              <a:pPr algn="r"/>
              <a:t>‹#›</a:t>
            </a:fld>
            <a:endParaRPr lang="en-IN" sz="1050" dirty="0">
              <a:solidFill>
                <a:srgbClr val="0085BE"/>
              </a:solidFill>
              <a:latin typeface="Roboto SemiBold" panose="02000000000000000000" pitchFamily="2" charset="0"/>
              <a:ea typeface="Roboto Light" panose="02000000000000000000" pitchFamily="2" charset="0"/>
            </a:endParaRPr>
          </a:p>
        </p:txBody>
      </p:sp>
    </p:spTree>
    <p:extLst>
      <p:ext uri="{BB962C8B-B14F-4D97-AF65-F5344CB8AC3E}">
        <p14:creationId xmlns:p14="http://schemas.microsoft.com/office/powerpoint/2010/main" val="2700088954"/>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84D438-F015-1013-A09B-F29DE76AD8F3}"/>
              </a:ext>
            </a:extLst>
          </p:cNvPr>
          <p:cNvSpPr>
            <a:spLocks noGrp="1"/>
          </p:cNvSpPr>
          <p:nvPr>
            <p:ph type="title"/>
          </p:nvPr>
        </p:nvSpPr>
        <p:spPr/>
        <p:txBody>
          <a:bodyPr/>
          <a:lstStyle/>
          <a:p>
            <a:r>
              <a:rPr lang="en-US"/>
              <a:t>Click to edit Master title style</a:t>
            </a:r>
            <a:endParaRPr lang="en-IN"/>
          </a:p>
        </p:txBody>
      </p:sp>
      <p:sp>
        <p:nvSpPr>
          <p:cNvPr id="3" name="Content Placeholder 2">
            <a:extLst>
              <a:ext uri="{FF2B5EF4-FFF2-40B4-BE49-F238E27FC236}">
                <a16:creationId xmlns:a16="http://schemas.microsoft.com/office/drawing/2014/main" id="{28A2D76B-BAD7-E9D6-81F4-31169B54EFD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Tree>
    <p:extLst>
      <p:ext uri="{BB962C8B-B14F-4D97-AF65-F5344CB8AC3E}">
        <p14:creationId xmlns:p14="http://schemas.microsoft.com/office/powerpoint/2010/main" val="2965413831"/>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939E8F4-1E79-C004-5891-59CE032053C6}"/>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IN"/>
          </a:p>
        </p:txBody>
      </p:sp>
      <p:sp>
        <p:nvSpPr>
          <p:cNvPr id="3" name="Text Placeholder 2">
            <a:extLst>
              <a:ext uri="{FF2B5EF4-FFF2-40B4-BE49-F238E27FC236}">
                <a16:creationId xmlns:a16="http://schemas.microsoft.com/office/drawing/2014/main" id="{947EBBA3-CCB0-C1F9-3BBC-88809FCDD719}"/>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427F8584-FF6B-E296-36DB-1EE91D730A48}"/>
              </a:ext>
            </a:extLst>
          </p:cNvPr>
          <p:cNvSpPr>
            <a:spLocks noGrp="1"/>
          </p:cNvSpPr>
          <p:nvPr>
            <p:ph type="dt" sz="half" idx="10"/>
          </p:nvPr>
        </p:nvSpPr>
        <p:spPr>
          <a:xfrm>
            <a:off x="838200" y="6356350"/>
            <a:ext cx="2743200" cy="365125"/>
          </a:xfrm>
          <a:prstGeom prst="rect">
            <a:avLst/>
          </a:prstGeom>
        </p:spPr>
        <p:txBody>
          <a:bodyPr/>
          <a:lstStyle>
            <a:lvl1pPr>
              <a:defRPr>
                <a:latin typeface="Roboto SemiBold" panose="02000000000000000000" pitchFamily="2" charset="0"/>
              </a:defRPr>
            </a:lvl1pPr>
          </a:lstStyle>
          <a:p>
            <a:fld id="{78BA7FF0-5B46-4BA0-9581-4F6AD8A9C380}" type="datetimeFigureOut">
              <a:rPr lang="en-IN" smtClean="0"/>
              <a:pPr/>
              <a:t>30-04-2026</a:t>
            </a:fld>
            <a:endParaRPr lang="en-IN" dirty="0"/>
          </a:p>
        </p:txBody>
      </p:sp>
      <p:sp>
        <p:nvSpPr>
          <p:cNvPr id="5" name="Footer Placeholder 4">
            <a:extLst>
              <a:ext uri="{FF2B5EF4-FFF2-40B4-BE49-F238E27FC236}">
                <a16:creationId xmlns:a16="http://schemas.microsoft.com/office/drawing/2014/main" id="{C36FA5DD-EDF7-A129-920D-5D9924FF69F1}"/>
              </a:ext>
            </a:extLst>
          </p:cNvPr>
          <p:cNvSpPr>
            <a:spLocks noGrp="1"/>
          </p:cNvSpPr>
          <p:nvPr>
            <p:ph type="ftr" sz="quarter" idx="11"/>
          </p:nvPr>
        </p:nvSpPr>
        <p:spPr>
          <a:xfrm>
            <a:off x="4038600" y="6356350"/>
            <a:ext cx="4114800" cy="365125"/>
          </a:xfrm>
          <a:prstGeom prst="rect">
            <a:avLst/>
          </a:prstGeom>
        </p:spPr>
        <p:txBody>
          <a:bodyPr/>
          <a:lstStyle>
            <a:lvl1pPr>
              <a:defRPr>
                <a:latin typeface="Roboto SemiBold" panose="02000000000000000000" pitchFamily="2" charset="0"/>
              </a:defRPr>
            </a:lvl1pPr>
          </a:lstStyle>
          <a:p>
            <a:endParaRPr lang="en-IN" dirty="0"/>
          </a:p>
        </p:txBody>
      </p:sp>
      <p:sp>
        <p:nvSpPr>
          <p:cNvPr id="6" name="Slide Number Placeholder 5">
            <a:extLst>
              <a:ext uri="{FF2B5EF4-FFF2-40B4-BE49-F238E27FC236}">
                <a16:creationId xmlns:a16="http://schemas.microsoft.com/office/drawing/2014/main" id="{790D09A4-2AB2-EB62-1C60-4F7923F1B253}"/>
              </a:ext>
            </a:extLst>
          </p:cNvPr>
          <p:cNvSpPr>
            <a:spLocks noGrp="1"/>
          </p:cNvSpPr>
          <p:nvPr>
            <p:ph type="sldNum" sz="quarter" idx="12"/>
          </p:nvPr>
        </p:nvSpPr>
        <p:spPr>
          <a:xfrm>
            <a:off x="8610600" y="6356350"/>
            <a:ext cx="2743200" cy="365125"/>
          </a:xfrm>
          <a:prstGeom prst="rect">
            <a:avLst/>
          </a:prstGeom>
        </p:spPr>
        <p:txBody>
          <a:bodyPr/>
          <a:lstStyle>
            <a:lvl1pPr>
              <a:defRPr>
                <a:latin typeface="Roboto SemiBold" panose="02000000000000000000" pitchFamily="2" charset="0"/>
              </a:defRPr>
            </a:lvl1pPr>
          </a:lstStyle>
          <a:p>
            <a:fld id="{1DC30E3D-CB90-45E3-93AB-B8BA813A968A}" type="slidenum">
              <a:rPr lang="en-IN" smtClean="0"/>
              <a:pPr/>
              <a:t>‹#›</a:t>
            </a:fld>
            <a:endParaRPr lang="en-IN" dirty="0"/>
          </a:p>
        </p:txBody>
      </p:sp>
    </p:spTree>
    <p:extLst>
      <p:ext uri="{BB962C8B-B14F-4D97-AF65-F5344CB8AC3E}">
        <p14:creationId xmlns:p14="http://schemas.microsoft.com/office/powerpoint/2010/main" val="2618483346"/>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C5B1B52-9BD3-4798-4315-B6D80D346D32}"/>
              </a:ext>
            </a:extLst>
          </p:cNvPr>
          <p:cNvSpPr>
            <a:spLocks noGrp="1"/>
          </p:cNvSpPr>
          <p:nvPr>
            <p:ph type="title"/>
          </p:nvPr>
        </p:nvSpPr>
        <p:spPr/>
        <p:txBody>
          <a:bodyPr/>
          <a:lstStyle/>
          <a:p>
            <a:r>
              <a:rPr lang="en-US"/>
              <a:t>Click to edit Master title style</a:t>
            </a:r>
            <a:endParaRPr lang="en-IN"/>
          </a:p>
        </p:txBody>
      </p:sp>
      <p:sp>
        <p:nvSpPr>
          <p:cNvPr id="3" name="Content Placeholder 2">
            <a:extLst>
              <a:ext uri="{FF2B5EF4-FFF2-40B4-BE49-F238E27FC236}">
                <a16:creationId xmlns:a16="http://schemas.microsoft.com/office/drawing/2014/main" id="{82CA7721-5016-D061-6871-594CA91C22F6}"/>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Content Placeholder 3">
            <a:extLst>
              <a:ext uri="{FF2B5EF4-FFF2-40B4-BE49-F238E27FC236}">
                <a16:creationId xmlns:a16="http://schemas.microsoft.com/office/drawing/2014/main" id="{0CA4D0E5-94C0-A215-73F9-9582C1D8DD7C}"/>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5" name="Date Placeholder 4">
            <a:extLst>
              <a:ext uri="{FF2B5EF4-FFF2-40B4-BE49-F238E27FC236}">
                <a16:creationId xmlns:a16="http://schemas.microsoft.com/office/drawing/2014/main" id="{99B685D4-4D2C-021F-65D4-4CC8E925F6B2}"/>
              </a:ext>
            </a:extLst>
          </p:cNvPr>
          <p:cNvSpPr>
            <a:spLocks noGrp="1"/>
          </p:cNvSpPr>
          <p:nvPr>
            <p:ph type="dt" sz="half" idx="10"/>
          </p:nvPr>
        </p:nvSpPr>
        <p:spPr>
          <a:xfrm>
            <a:off x="838200" y="6356350"/>
            <a:ext cx="2743200" cy="365125"/>
          </a:xfrm>
          <a:prstGeom prst="rect">
            <a:avLst/>
          </a:prstGeom>
        </p:spPr>
        <p:txBody>
          <a:bodyPr/>
          <a:lstStyle>
            <a:lvl1pPr>
              <a:defRPr>
                <a:latin typeface="Roboto SemiBold" panose="02000000000000000000" pitchFamily="2" charset="0"/>
              </a:defRPr>
            </a:lvl1pPr>
          </a:lstStyle>
          <a:p>
            <a:fld id="{78BA7FF0-5B46-4BA0-9581-4F6AD8A9C380}" type="datetimeFigureOut">
              <a:rPr lang="en-IN" smtClean="0"/>
              <a:pPr/>
              <a:t>30-04-2026</a:t>
            </a:fld>
            <a:endParaRPr lang="en-IN" dirty="0"/>
          </a:p>
        </p:txBody>
      </p:sp>
      <p:sp>
        <p:nvSpPr>
          <p:cNvPr id="6" name="Footer Placeholder 5">
            <a:extLst>
              <a:ext uri="{FF2B5EF4-FFF2-40B4-BE49-F238E27FC236}">
                <a16:creationId xmlns:a16="http://schemas.microsoft.com/office/drawing/2014/main" id="{65BDB219-D201-2C33-9EDA-7B7CDA73142F}"/>
              </a:ext>
            </a:extLst>
          </p:cNvPr>
          <p:cNvSpPr>
            <a:spLocks noGrp="1"/>
          </p:cNvSpPr>
          <p:nvPr>
            <p:ph type="ftr" sz="quarter" idx="11"/>
          </p:nvPr>
        </p:nvSpPr>
        <p:spPr>
          <a:xfrm>
            <a:off x="4038600" y="6356350"/>
            <a:ext cx="4114800" cy="365125"/>
          </a:xfrm>
          <a:prstGeom prst="rect">
            <a:avLst/>
          </a:prstGeom>
        </p:spPr>
        <p:txBody>
          <a:bodyPr/>
          <a:lstStyle>
            <a:lvl1pPr>
              <a:defRPr>
                <a:latin typeface="Roboto SemiBold" panose="02000000000000000000" pitchFamily="2" charset="0"/>
              </a:defRPr>
            </a:lvl1pPr>
          </a:lstStyle>
          <a:p>
            <a:endParaRPr lang="en-IN" dirty="0"/>
          </a:p>
        </p:txBody>
      </p:sp>
      <p:sp>
        <p:nvSpPr>
          <p:cNvPr id="7" name="Slide Number Placeholder 6">
            <a:extLst>
              <a:ext uri="{FF2B5EF4-FFF2-40B4-BE49-F238E27FC236}">
                <a16:creationId xmlns:a16="http://schemas.microsoft.com/office/drawing/2014/main" id="{172E8B00-B82E-70B3-82A6-371D1A0E474C}"/>
              </a:ext>
            </a:extLst>
          </p:cNvPr>
          <p:cNvSpPr>
            <a:spLocks noGrp="1"/>
          </p:cNvSpPr>
          <p:nvPr>
            <p:ph type="sldNum" sz="quarter" idx="12"/>
          </p:nvPr>
        </p:nvSpPr>
        <p:spPr>
          <a:xfrm>
            <a:off x="8610600" y="6356350"/>
            <a:ext cx="2743200" cy="365125"/>
          </a:xfrm>
          <a:prstGeom prst="rect">
            <a:avLst/>
          </a:prstGeom>
        </p:spPr>
        <p:txBody>
          <a:bodyPr/>
          <a:lstStyle>
            <a:lvl1pPr>
              <a:defRPr>
                <a:latin typeface="Roboto SemiBold" panose="02000000000000000000" pitchFamily="2" charset="0"/>
              </a:defRPr>
            </a:lvl1pPr>
          </a:lstStyle>
          <a:p>
            <a:fld id="{1DC30E3D-CB90-45E3-93AB-B8BA813A968A}" type="slidenum">
              <a:rPr lang="en-IN" smtClean="0"/>
              <a:pPr/>
              <a:t>‹#›</a:t>
            </a:fld>
            <a:endParaRPr lang="en-IN" dirty="0"/>
          </a:p>
        </p:txBody>
      </p:sp>
    </p:spTree>
    <p:extLst>
      <p:ext uri="{BB962C8B-B14F-4D97-AF65-F5344CB8AC3E}">
        <p14:creationId xmlns:p14="http://schemas.microsoft.com/office/powerpoint/2010/main" val="2646357143"/>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BE10A80-943A-2863-3044-DDF96A5DCA64}"/>
              </a:ext>
            </a:extLst>
          </p:cNvPr>
          <p:cNvSpPr>
            <a:spLocks noGrp="1"/>
          </p:cNvSpPr>
          <p:nvPr>
            <p:ph type="title"/>
          </p:nvPr>
        </p:nvSpPr>
        <p:spPr>
          <a:xfrm>
            <a:off x="839788" y="365125"/>
            <a:ext cx="10515600" cy="1325563"/>
          </a:xfrm>
        </p:spPr>
        <p:txBody>
          <a:bodyPr/>
          <a:lstStyle/>
          <a:p>
            <a:r>
              <a:rPr lang="en-US"/>
              <a:t>Click to edit Master title style</a:t>
            </a:r>
            <a:endParaRPr lang="en-IN"/>
          </a:p>
        </p:txBody>
      </p:sp>
      <p:sp>
        <p:nvSpPr>
          <p:cNvPr id="3" name="Text Placeholder 2">
            <a:extLst>
              <a:ext uri="{FF2B5EF4-FFF2-40B4-BE49-F238E27FC236}">
                <a16:creationId xmlns:a16="http://schemas.microsoft.com/office/drawing/2014/main" id="{70158658-1D9C-4EEB-FA4B-9267EBEEEB96}"/>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A513984-CA23-1BDC-8758-CA09EB22C5EF}"/>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5" name="Text Placeholder 4">
            <a:extLst>
              <a:ext uri="{FF2B5EF4-FFF2-40B4-BE49-F238E27FC236}">
                <a16:creationId xmlns:a16="http://schemas.microsoft.com/office/drawing/2014/main" id="{D1B5C538-BBFD-AA2F-B2D3-4BCF0B07526F}"/>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Click to edit Master text styles</a:t>
            </a:r>
          </a:p>
        </p:txBody>
      </p:sp>
      <p:sp>
        <p:nvSpPr>
          <p:cNvPr id="6" name="Content Placeholder 5">
            <a:extLst>
              <a:ext uri="{FF2B5EF4-FFF2-40B4-BE49-F238E27FC236}">
                <a16:creationId xmlns:a16="http://schemas.microsoft.com/office/drawing/2014/main" id="{053AB595-EAC0-DD7E-5A7F-2E9626B65427}"/>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7" name="Date Placeholder 6">
            <a:extLst>
              <a:ext uri="{FF2B5EF4-FFF2-40B4-BE49-F238E27FC236}">
                <a16:creationId xmlns:a16="http://schemas.microsoft.com/office/drawing/2014/main" id="{524DBC0A-F6A3-942C-00C0-168352F10A17}"/>
              </a:ext>
            </a:extLst>
          </p:cNvPr>
          <p:cNvSpPr>
            <a:spLocks noGrp="1"/>
          </p:cNvSpPr>
          <p:nvPr>
            <p:ph type="dt" sz="half" idx="10"/>
          </p:nvPr>
        </p:nvSpPr>
        <p:spPr>
          <a:xfrm>
            <a:off x="838200" y="6356350"/>
            <a:ext cx="2743200" cy="365125"/>
          </a:xfrm>
          <a:prstGeom prst="rect">
            <a:avLst/>
          </a:prstGeom>
        </p:spPr>
        <p:txBody>
          <a:bodyPr/>
          <a:lstStyle>
            <a:lvl1pPr>
              <a:defRPr>
                <a:latin typeface="Roboto SemiBold" panose="02000000000000000000" pitchFamily="2" charset="0"/>
              </a:defRPr>
            </a:lvl1pPr>
          </a:lstStyle>
          <a:p>
            <a:fld id="{78BA7FF0-5B46-4BA0-9581-4F6AD8A9C380}" type="datetimeFigureOut">
              <a:rPr lang="en-IN" smtClean="0"/>
              <a:pPr/>
              <a:t>30-04-2026</a:t>
            </a:fld>
            <a:endParaRPr lang="en-IN" dirty="0"/>
          </a:p>
        </p:txBody>
      </p:sp>
      <p:sp>
        <p:nvSpPr>
          <p:cNvPr id="8" name="Footer Placeholder 7">
            <a:extLst>
              <a:ext uri="{FF2B5EF4-FFF2-40B4-BE49-F238E27FC236}">
                <a16:creationId xmlns:a16="http://schemas.microsoft.com/office/drawing/2014/main" id="{AD158D57-067F-5659-A34C-4E550F788AD4}"/>
              </a:ext>
            </a:extLst>
          </p:cNvPr>
          <p:cNvSpPr>
            <a:spLocks noGrp="1"/>
          </p:cNvSpPr>
          <p:nvPr>
            <p:ph type="ftr" sz="quarter" idx="11"/>
          </p:nvPr>
        </p:nvSpPr>
        <p:spPr>
          <a:xfrm>
            <a:off x="4038600" y="6356350"/>
            <a:ext cx="4114800" cy="365125"/>
          </a:xfrm>
          <a:prstGeom prst="rect">
            <a:avLst/>
          </a:prstGeom>
        </p:spPr>
        <p:txBody>
          <a:bodyPr/>
          <a:lstStyle>
            <a:lvl1pPr>
              <a:defRPr>
                <a:latin typeface="Roboto SemiBold" panose="02000000000000000000" pitchFamily="2" charset="0"/>
              </a:defRPr>
            </a:lvl1pPr>
          </a:lstStyle>
          <a:p>
            <a:endParaRPr lang="en-IN" dirty="0"/>
          </a:p>
        </p:txBody>
      </p:sp>
      <p:sp>
        <p:nvSpPr>
          <p:cNvPr id="9" name="Slide Number Placeholder 8">
            <a:extLst>
              <a:ext uri="{FF2B5EF4-FFF2-40B4-BE49-F238E27FC236}">
                <a16:creationId xmlns:a16="http://schemas.microsoft.com/office/drawing/2014/main" id="{98B4A9E8-8271-E4D7-534F-614C48DAD49B}"/>
              </a:ext>
            </a:extLst>
          </p:cNvPr>
          <p:cNvSpPr>
            <a:spLocks noGrp="1"/>
          </p:cNvSpPr>
          <p:nvPr>
            <p:ph type="sldNum" sz="quarter" idx="12"/>
          </p:nvPr>
        </p:nvSpPr>
        <p:spPr>
          <a:xfrm>
            <a:off x="8610600" y="6356350"/>
            <a:ext cx="2743200" cy="365125"/>
          </a:xfrm>
          <a:prstGeom prst="rect">
            <a:avLst/>
          </a:prstGeom>
        </p:spPr>
        <p:txBody>
          <a:bodyPr/>
          <a:lstStyle>
            <a:lvl1pPr>
              <a:defRPr>
                <a:latin typeface="Roboto SemiBold" panose="02000000000000000000" pitchFamily="2" charset="0"/>
              </a:defRPr>
            </a:lvl1pPr>
          </a:lstStyle>
          <a:p>
            <a:fld id="{1DC30E3D-CB90-45E3-93AB-B8BA813A968A}" type="slidenum">
              <a:rPr lang="en-IN" smtClean="0"/>
              <a:pPr/>
              <a:t>‹#›</a:t>
            </a:fld>
            <a:endParaRPr lang="en-IN" dirty="0"/>
          </a:p>
        </p:txBody>
      </p:sp>
    </p:spTree>
    <p:extLst>
      <p:ext uri="{BB962C8B-B14F-4D97-AF65-F5344CB8AC3E}">
        <p14:creationId xmlns:p14="http://schemas.microsoft.com/office/powerpoint/2010/main" val="1276997948"/>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E05EF4-BB1E-450D-95D4-5925C61A9753}"/>
              </a:ext>
            </a:extLst>
          </p:cNvPr>
          <p:cNvSpPr>
            <a:spLocks noGrp="1"/>
          </p:cNvSpPr>
          <p:nvPr>
            <p:ph type="title"/>
          </p:nvPr>
        </p:nvSpPr>
        <p:spPr/>
        <p:txBody>
          <a:bodyPr/>
          <a:lstStyle/>
          <a:p>
            <a:r>
              <a:rPr lang="en-US"/>
              <a:t>Click to edit Master title style</a:t>
            </a:r>
            <a:endParaRPr lang="en-IN"/>
          </a:p>
        </p:txBody>
      </p:sp>
      <p:sp>
        <p:nvSpPr>
          <p:cNvPr id="3" name="Date Placeholder 2">
            <a:extLst>
              <a:ext uri="{FF2B5EF4-FFF2-40B4-BE49-F238E27FC236}">
                <a16:creationId xmlns:a16="http://schemas.microsoft.com/office/drawing/2014/main" id="{046E574D-5EED-C01A-1515-80E19BA522A3}"/>
              </a:ext>
            </a:extLst>
          </p:cNvPr>
          <p:cNvSpPr>
            <a:spLocks noGrp="1"/>
          </p:cNvSpPr>
          <p:nvPr>
            <p:ph type="dt" sz="half" idx="10"/>
          </p:nvPr>
        </p:nvSpPr>
        <p:spPr>
          <a:xfrm>
            <a:off x="838200" y="6356350"/>
            <a:ext cx="2743200" cy="365125"/>
          </a:xfrm>
          <a:prstGeom prst="rect">
            <a:avLst/>
          </a:prstGeom>
        </p:spPr>
        <p:txBody>
          <a:bodyPr/>
          <a:lstStyle>
            <a:lvl1pPr>
              <a:defRPr>
                <a:latin typeface="Roboto SemiBold" panose="02000000000000000000" pitchFamily="2" charset="0"/>
              </a:defRPr>
            </a:lvl1pPr>
          </a:lstStyle>
          <a:p>
            <a:fld id="{78BA7FF0-5B46-4BA0-9581-4F6AD8A9C380}" type="datetimeFigureOut">
              <a:rPr lang="en-IN" smtClean="0"/>
              <a:pPr/>
              <a:t>30-04-2026</a:t>
            </a:fld>
            <a:endParaRPr lang="en-IN" dirty="0"/>
          </a:p>
        </p:txBody>
      </p:sp>
      <p:sp>
        <p:nvSpPr>
          <p:cNvPr id="4" name="Footer Placeholder 3">
            <a:extLst>
              <a:ext uri="{FF2B5EF4-FFF2-40B4-BE49-F238E27FC236}">
                <a16:creationId xmlns:a16="http://schemas.microsoft.com/office/drawing/2014/main" id="{03D2AE14-9C54-CD00-AFD6-ABB6D4FE64BE}"/>
              </a:ext>
            </a:extLst>
          </p:cNvPr>
          <p:cNvSpPr>
            <a:spLocks noGrp="1"/>
          </p:cNvSpPr>
          <p:nvPr>
            <p:ph type="ftr" sz="quarter" idx="11"/>
          </p:nvPr>
        </p:nvSpPr>
        <p:spPr>
          <a:xfrm>
            <a:off x="4038600" y="6356350"/>
            <a:ext cx="4114800" cy="365125"/>
          </a:xfrm>
          <a:prstGeom prst="rect">
            <a:avLst/>
          </a:prstGeom>
        </p:spPr>
        <p:txBody>
          <a:bodyPr/>
          <a:lstStyle>
            <a:lvl1pPr>
              <a:defRPr>
                <a:latin typeface="Roboto SemiBold" panose="02000000000000000000" pitchFamily="2" charset="0"/>
              </a:defRPr>
            </a:lvl1pPr>
          </a:lstStyle>
          <a:p>
            <a:endParaRPr lang="en-IN" dirty="0"/>
          </a:p>
        </p:txBody>
      </p:sp>
      <p:sp>
        <p:nvSpPr>
          <p:cNvPr id="5" name="Slide Number Placeholder 4">
            <a:extLst>
              <a:ext uri="{FF2B5EF4-FFF2-40B4-BE49-F238E27FC236}">
                <a16:creationId xmlns:a16="http://schemas.microsoft.com/office/drawing/2014/main" id="{955BD3C8-6407-AD2B-15FC-7EE765E8DD5C}"/>
              </a:ext>
            </a:extLst>
          </p:cNvPr>
          <p:cNvSpPr>
            <a:spLocks noGrp="1"/>
          </p:cNvSpPr>
          <p:nvPr>
            <p:ph type="sldNum" sz="quarter" idx="12"/>
          </p:nvPr>
        </p:nvSpPr>
        <p:spPr>
          <a:xfrm>
            <a:off x="8610600" y="6356350"/>
            <a:ext cx="2743200" cy="365125"/>
          </a:xfrm>
          <a:prstGeom prst="rect">
            <a:avLst/>
          </a:prstGeom>
        </p:spPr>
        <p:txBody>
          <a:bodyPr/>
          <a:lstStyle>
            <a:lvl1pPr>
              <a:defRPr>
                <a:latin typeface="Roboto SemiBold" panose="02000000000000000000" pitchFamily="2" charset="0"/>
              </a:defRPr>
            </a:lvl1pPr>
          </a:lstStyle>
          <a:p>
            <a:fld id="{1DC30E3D-CB90-45E3-93AB-B8BA813A968A}" type="slidenum">
              <a:rPr lang="en-IN" smtClean="0"/>
              <a:pPr/>
              <a:t>‹#›</a:t>
            </a:fld>
            <a:endParaRPr lang="en-IN" dirty="0"/>
          </a:p>
        </p:txBody>
      </p:sp>
    </p:spTree>
    <p:extLst>
      <p:ext uri="{BB962C8B-B14F-4D97-AF65-F5344CB8AC3E}">
        <p14:creationId xmlns:p14="http://schemas.microsoft.com/office/powerpoint/2010/main" val="1444092459"/>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1_Title Only">
    <p:spTree>
      <p:nvGrpSpPr>
        <p:cNvPr id="1" name=""/>
        <p:cNvGrpSpPr/>
        <p:nvPr/>
      </p:nvGrpSpPr>
      <p:grpSpPr>
        <a:xfrm>
          <a:off x="0" y="0"/>
          <a:ext cx="0" cy="0"/>
          <a:chOff x="0" y="0"/>
          <a:chExt cx="0" cy="0"/>
        </a:xfrm>
      </p:grpSpPr>
      <p:pic>
        <p:nvPicPr>
          <p:cNvPr id="6" name="Picture 5" descr="Abstract 3D geometric shapes">
            <a:extLst>
              <a:ext uri="{FF2B5EF4-FFF2-40B4-BE49-F238E27FC236}">
                <a16:creationId xmlns:a16="http://schemas.microsoft.com/office/drawing/2014/main" id="{7803CDB6-E270-B5CA-6BE6-39F0089C21E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7" name="Rectangle 6">
            <a:extLst>
              <a:ext uri="{FF2B5EF4-FFF2-40B4-BE49-F238E27FC236}">
                <a16:creationId xmlns:a16="http://schemas.microsoft.com/office/drawing/2014/main" id="{9A75A7BA-747B-5633-7C34-AC55D2C2DD5B}"/>
              </a:ext>
            </a:extLst>
          </p:cNvPr>
          <p:cNvSpPr/>
          <p:nvPr userDrawn="1"/>
        </p:nvSpPr>
        <p:spPr>
          <a:xfrm flipH="1">
            <a:off x="-4422" y="0"/>
            <a:ext cx="12196422" cy="6858000"/>
          </a:xfrm>
          <a:prstGeom prst="rect">
            <a:avLst/>
          </a:prstGeom>
          <a:gradFill flip="none" rotWithShape="1">
            <a:gsLst>
              <a:gs pos="0">
                <a:srgbClr val="68058D">
                  <a:alpha val="49000"/>
                </a:srgbClr>
              </a:gs>
              <a:gs pos="50000">
                <a:srgbClr val="8202CA">
                  <a:alpha val="88000"/>
                </a:srgbClr>
              </a:gs>
              <a:gs pos="100000">
                <a:srgbClr val="5C00C5">
                  <a:alpha val="91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cxnSp>
        <p:nvCxnSpPr>
          <p:cNvPr id="10" name="Straight Connector 9">
            <a:extLst>
              <a:ext uri="{FF2B5EF4-FFF2-40B4-BE49-F238E27FC236}">
                <a16:creationId xmlns:a16="http://schemas.microsoft.com/office/drawing/2014/main" id="{A0F45033-C02B-036D-18BF-0685408FE541}"/>
              </a:ext>
            </a:extLst>
          </p:cNvPr>
          <p:cNvCxnSpPr>
            <a:cxnSpLocks/>
          </p:cNvCxnSpPr>
          <p:nvPr userDrawn="1"/>
        </p:nvCxnSpPr>
        <p:spPr>
          <a:xfrm flipH="1">
            <a:off x="11748304" y="462987"/>
            <a:ext cx="443696" cy="243069"/>
          </a:xfrm>
          <a:prstGeom prst="line">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132ABC73-F5CA-DB40-C855-651BEC202C17}"/>
              </a:ext>
            </a:extLst>
          </p:cNvPr>
          <p:cNvCxnSpPr>
            <a:cxnSpLocks/>
          </p:cNvCxnSpPr>
          <p:nvPr userDrawn="1"/>
        </p:nvCxnSpPr>
        <p:spPr>
          <a:xfrm>
            <a:off x="10289894" y="19374"/>
            <a:ext cx="1458410" cy="686682"/>
          </a:xfrm>
          <a:prstGeom prst="line">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013E4B89-71DE-9CF0-1A50-F49F55DD6FFE}"/>
              </a:ext>
            </a:extLst>
          </p:cNvPr>
          <p:cNvCxnSpPr>
            <a:cxnSpLocks/>
          </p:cNvCxnSpPr>
          <p:nvPr userDrawn="1"/>
        </p:nvCxnSpPr>
        <p:spPr>
          <a:xfrm>
            <a:off x="-27572" y="3785505"/>
            <a:ext cx="2251840" cy="2150389"/>
          </a:xfrm>
          <a:prstGeom prst="line">
            <a:avLst/>
          </a:prstGeom>
          <a:ln>
            <a:solidFill>
              <a:srgbClr val="8FAADC">
                <a:alpha val="83137"/>
              </a:srgb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69C48320-52C4-991D-BE3E-5F858709A6B4}"/>
              </a:ext>
            </a:extLst>
          </p:cNvPr>
          <p:cNvCxnSpPr>
            <a:cxnSpLocks/>
          </p:cNvCxnSpPr>
          <p:nvPr userDrawn="1"/>
        </p:nvCxnSpPr>
        <p:spPr>
          <a:xfrm>
            <a:off x="8558784" y="602771"/>
            <a:ext cx="1616855" cy="780579"/>
          </a:xfrm>
          <a:prstGeom prst="line">
            <a:avLst/>
          </a:prstGeom>
          <a:ln>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FF1E9AC3-E33C-DC97-CE5B-A0B7CFF09FB6}"/>
              </a:ext>
            </a:extLst>
          </p:cNvPr>
          <p:cNvCxnSpPr>
            <a:cxnSpLocks/>
          </p:cNvCxnSpPr>
          <p:nvPr userDrawn="1"/>
        </p:nvCxnSpPr>
        <p:spPr>
          <a:xfrm flipH="1">
            <a:off x="8558784" y="214384"/>
            <a:ext cx="842098" cy="388387"/>
          </a:xfrm>
          <a:prstGeom prst="line">
            <a:avLst/>
          </a:prstGeom>
          <a:ln>
            <a:solidFill>
              <a:srgbClr val="8FAADC"/>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2BBC6A7D-D644-4B40-2086-D039CA719A4A}"/>
              </a:ext>
            </a:extLst>
          </p:cNvPr>
          <p:cNvCxnSpPr>
            <a:cxnSpLocks/>
          </p:cNvCxnSpPr>
          <p:nvPr userDrawn="1"/>
        </p:nvCxnSpPr>
        <p:spPr>
          <a:xfrm>
            <a:off x="9036280" y="25878"/>
            <a:ext cx="364602" cy="186160"/>
          </a:xfrm>
          <a:prstGeom prst="line">
            <a:avLst/>
          </a:prstGeom>
          <a:ln>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2D249E30-88E2-460B-A4F7-367EEF1E14C4}"/>
              </a:ext>
            </a:extLst>
          </p:cNvPr>
          <p:cNvCxnSpPr>
            <a:cxnSpLocks/>
          </p:cNvCxnSpPr>
          <p:nvPr userDrawn="1"/>
        </p:nvCxnSpPr>
        <p:spPr>
          <a:xfrm>
            <a:off x="3829750" y="-2437"/>
            <a:ext cx="331976" cy="205725"/>
          </a:xfrm>
          <a:prstGeom prst="line">
            <a:avLst/>
          </a:prstGeom>
          <a:ln>
            <a:solidFill>
              <a:srgbClr val="BA65E3"/>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BA5223A3-84FE-2AAB-A98A-24EA1CFF78C4}"/>
              </a:ext>
            </a:extLst>
          </p:cNvPr>
          <p:cNvCxnSpPr>
            <a:cxnSpLocks/>
          </p:cNvCxnSpPr>
          <p:nvPr userDrawn="1"/>
        </p:nvCxnSpPr>
        <p:spPr>
          <a:xfrm flipH="1">
            <a:off x="3145001" y="193723"/>
            <a:ext cx="1016725" cy="409048"/>
          </a:xfrm>
          <a:prstGeom prst="line">
            <a:avLst/>
          </a:prstGeom>
          <a:ln>
            <a:solidFill>
              <a:srgbClr val="BA65E3"/>
            </a:solidFill>
          </a:ln>
        </p:spPr>
        <p:style>
          <a:lnRef idx="1">
            <a:schemeClr val="accent1"/>
          </a:lnRef>
          <a:fillRef idx="0">
            <a:schemeClr val="accent1"/>
          </a:fillRef>
          <a:effectRef idx="0">
            <a:schemeClr val="accent1"/>
          </a:effectRef>
          <a:fontRef idx="minor">
            <a:schemeClr val="tx1"/>
          </a:fontRef>
        </p:style>
      </p:cxnSp>
      <p:sp>
        <p:nvSpPr>
          <p:cNvPr id="2" name="Title 1">
            <a:extLst>
              <a:ext uri="{FF2B5EF4-FFF2-40B4-BE49-F238E27FC236}">
                <a16:creationId xmlns:a16="http://schemas.microsoft.com/office/drawing/2014/main" id="{D7E05EF4-BB1E-450D-95D4-5925C61A9753}"/>
              </a:ext>
            </a:extLst>
          </p:cNvPr>
          <p:cNvSpPr>
            <a:spLocks noGrp="1"/>
          </p:cNvSpPr>
          <p:nvPr>
            <p:ph type="title"/>
          </p:nvPr>
        </p:nvSpPr>
        <p:spPr>
          <a:xfrm>
            <a:off x="415682" y="349291"/>
            <a:ext cx="5054600" cy="713529"/>
          </a:xfrm>
        </p:spPr>
        <p:txBody>
          <a:bodyPr>
            <a:normAutofit/>
          </a:bodyPr>
          <a:lstStyle>
            <a:lvl1pPr>
              <a:defRPr sz="2700" b="0">
                <a:solidFill>
                  <a:srgbClr val="00B0F0"/>
                </a:solidFill>
                <a:latin typeface="Roboto SemiBold" panose="02000000000000000000" pitchFamily="2" charset="0"/>
              </a:defRPr>
            </a:lvl1pPr>
          </a:lstStyle>
          <a:p>
            <a:r>
              <a:rPr lang="en-US" dirty="0"/>
              <a:t>Click to edit Master title style</a:t>
            </a:r>
            <a:endParaRPr lang="en-IN" dirty="0"/>
          </a:p>
        </p:txBody>
      </p:sp>
      <p:pic>
        <p:nvPicPr>
          <p:cNvPr id="18" name="Picture 17" descr="A picture containing text, clipart&#10;&#10;Description automatically generated">
            <a:extLst>
              <a:ext uri="{FF2B5EF4-FFF2-40B4-BE49-F238E27FC236}">
                <a16:creationId xmlns:a16="http://schemas.microsoft.com/office/drawing/2014/main" id="{210B7C6B-B24B-CA37-EE3B-4F0FF4550EE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1187671" y="6511212"/>
            <a:ext cx="878140" cy="263442"/>
          </a:xfrm>
          <a:prstGeom prst="rect">
            <a:avLst/>
          </a:prstGeom>
        </p:spPr>
      </p:pic>
      <p:cxnSp>
        <p:nvCxnSpPr>
          <p:cNvPr id="19" name="Straight Connector 18">
            <a:extLst>
              <a:ext uri="{FF2B5EF4-FFF2-40B4-BE49-F238E27FC236}">
                <a16:creationId xmlns:a16="http://schemas.microsoft.com/office/drawing/2014/main" id="{1DAB3351-602A-F8DB-109F-6A3C66679FA8}"/>
              </a:ext>
            </a:extLst>
          </p:cNvPr>
          <p:cNvCxnSpPr>
            <a:cxnSpLocks/>
          </p:cNvCxnSpPr>
          <p:nvPr userDrawn="1"/>
        </p:nvCxnSpPr>
        <p:spPr>
          <a:xfrm>
            <a:off x="528219" y="6437133"/>
            <a:ext cx="11663781" cy="0"/>
          </a:xfrm>
          <a:prstGeom prst="line">
            <a:avLst/>
          </a:prstGeom>
          <a:ln w="12700">
            <a:solidFill>
              <a:schemeClr val="bg1">
                <a:alpha val="50000"/>
              </a:schemeClr>
            </a:solidFill>
          </a:ln>
        </p:spPr>
        <p:style>
          <a:lnRef idx="1">
            <a:schemeClr val="accent1"/>
          </a:lnRef>
          <a:fillRef idx="0">
            <a:schemeClr val="accent1"/>
          </a:fillRef>
          <a:effectRef idx="0">
            <a:schemeClr val="accent1"/>
          </a:effectRef>
          <a:fontRef idx="minor">
            <a:schemeClr val="tx1"/>
          </a:fontRef>
        </p:style>
      </p:cxnSp>
      <p:sp>
        <p:nvSpPr>
          <p:cNvPr id="3" name="Slide Number Placeholder 4">
            <a:extLst>
              <a:ext uri="{FF2B5EF4-FFF2-40B4-BE49-F238E27FC236}">
                <a16:creationId xmlns:a16="http://schemas.microsoft.com/office/drawing/2014/main" id="{1646D8C4-250A-E329-D46C-05450341685C}"/>
              </a:ext>
            </a:extLst>
          </p:cNvPr>
          <p:cNvSpPr txBox="1">
            <a:spLocks/>
          </p:cNvSpPr>
          <p:nvPr userDrawn="1"/>
        </p:nvSpPr>
        <p:spPr>
          <a:xfrm>
            <a:off x="427142" y="6485429"/>
            <a:ext cx="370690" cy="249385"/>
          </a:xfrm>
          <a:prstGeom prst="rect">
            <a:avLst/>
          </a:prstGeom>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1DC30E3D-CB90-45E3-93AB-B8BA813A968A}" type="slidenum">
              <a:rPr lang="en-IN" sz="1200" smtClean="0">
                <a:solidFill>
                  <a:srgbClr val="DCCBED"/>
                </a:solidFill>
                <a:latin typeface="Roboto SemiBold" panose="02000000000000000000" pitchFamily="2" charset="0"/>
              </a:rPr>
              <a:pPr/>
              <a:t>‹#›</a:t>
            </a:fld>
            <a:endParaRPr lang="en-IN" sz="1200" dirty="0">
              <a:solidFill>
                <a:srgbClr val="DCCBED"/>
              </a:solidFill>
              <a:latin typeface="Roboto SemiBold" panose="02000000000000000000" pitchFamily="2" charset="0"/>
            </a:endParaRPr>
          </a:p>
        </p:txBody>
      </p:sp>
    </p:spTree>
    <p:extLst>
      <p:ext uri="{BB962C8B-B14F-4D97-AF65-F5344CB8AC3E}">
        <p14:creationId xmlns:p14="http://schemas.microsoft.com/office/powerpoint/2010/main" val="1093703754"/>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Layout>
</file>

<file path=ppt/slideLayouts/slideLayout8.xml><?xml version="1.0" encoding="utf-8"?>
<p:sldLayout xmlns:a="http://schemas.openxmlformats.org/drawingml/2006/main" xmlns:r="http://schemas.openxmlformats.org/officeDocument/2006/relationships" xmlns:p="http://schemas.openxmlformats.org/presentationml/2006/main" type="titleOnly" preserve="1">
  <p:cSld name="3_Title Only">
    <p:spTree>
      <p:nvGrpSpPr>
        <p:cNvPr id="1" name=""/>
        <p:cNvGrpSpPr/>
        <p:nvPr/>
      </p:nvGrpSpPr>
      <p:grpSpPr>
        <a:xfrm>
          <a:off x="0" y="0"/>
          <a:ext cx="0" cy="0"/>
          <a:chOff x="0" y="0"/>
          <a:chExt cx="0" cy="0"/>
        </a:xfrm>
      </p:grpSpPr>
      <p:pic>
        <p:nvPicPr>
          <p:cNvPr id="3" name="Picture 2" descr="Abstract 3D geometric shapes">
            <a:extLst>
              <a:ext uri="{FF2B5EF4-FFF2-40B4-BE49-F238E27FC236}">
                <a16:creationId xmlns:a16="http://schemas.microsoft.com/office/drawing/2014/main" id="{36AB7F7B-DBB0-EFF8-C64B-B8209BB358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843" y="0"/>
            <a:ext cx="12200843" cy="6858000"/>
          </a:xfrm>
          <a:prstGeom prst="rect">
            <a:avLst/>
          </a:prstGeom>
        </p:spPr>
      </p:pic>
      <p:sp>
        <p:nvSpPr>
          <p:cNvPr id="4" name="Rectangle 3">
            <a:extLst>
              <a:ext uri="{FF2B5EF4-FFF2-40B4-BE49-F238E27FC236}">
                <a16:creationId xmlns:a16="http://schemas.microsoft.com/office/drawing/2014/main" id="{B3A99E68-A39C-9FA8-9385-DCB555B790DC}"/>
              </a:ext>
            </a:extLst>
          </p:cNvPr>
          <p:cNvSpPr/>
          <p:nvPr userDrawn="1"/>
        </p:nvSpPr>
        <p:spPr>
          <a:xfrm rot="10800000" flipH="1">
            <a:off x="-8845" y="0"/>
            <a:ext cx="12200844" cy="6858000"/>
          </a:xfrm>
          <a:prstGeom prst="rect">
            <a:avLst/>
          </a:prstGeom>
          <a:gradFill flip="none" rotWithShape="1">
            <a:gsLst>
              <a:gs pos="100000">
                <a:srgbClr val="004BFF">
                  <a:alpha val="63000"/>
                </a:srgbClr>
              </a:gs>
              <a:gs pos="0">
                <a:srgbClr val="004BFF">
                  <a:alpha val="63000"/>
                </a:srgbClr>
              </a:gs>
              <a:gs pos="50000">
                <a:srgbClr val="5F64F5">
                  <a:alpha val="8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2" name="Title 1">
            <a:extLst>
              <a:ext uri="{FF2B5EF4-FFF2-40B4-BE49-F238E27FC236}">
                <a16:creationId xmlns:a16="http://schemas.microsoft.com/office/drawing/2014/main" id="{D7E05EF4-BB1E-450D-95D4-5925C61A9753}"/>
              </a:ext>
            </a:extLst>
          </p:cNvPr>
          <p:cNvSpPr>
            <a:spLocks noGrp="1"/>
          </p:cNvSpPr>
          <p:nvPr>
            <p:ph type="title"/>
          </p:nvPr>
        </p:nvSpPr>
        <p:spPr>
          <a:xfrm>
            <a:off x="415682" y="349291"/>
            <a:ext cx="5054600" cy="713529"/>
          </a:xfrm>
        </p:spPr>
        <p:txBody>
          <a:bodyPr>
            <a:normAutofit/>
          </a:bodyPr>
          <a:lstStyle>
            <a:lvl1pPr>
              <a:defRPr sz="2700" b="0">
                <a:solidFill>
                  <a:schemeClr val="bg1"/>
                </a:solidFill>
                <a:latin typeface="Roboto SemiBold" panose="02000000000000000000" pitchFamily="2" charset="0"/>
              </a:defRPr>
            </a:lvl1pPr>
          </a:lstStyle>
          <a:p>
            <a:r>
              <a:rPr lang="en-US" dirty="0"/>
              <a:t>Click to edit Master title style</a:t>
            </a:r>
            <a:endParaRPr lang="en-IN" dirty="0"/>
          </a:p>
        </p:txBody>
      </p:sp>
      <p:pic>
        <p:nvPicPr>
          <p:cNvPr id="18" name="Picture 17" descr="A picture containing text, clipart&#10;&#10;Description automatically generated">
            <a:extLst>
              <a:ext uri="{FF2B5EF4-FFF2-40B4-BE49-F238E27FC236}">
                <a16:creationId xmlns:a16="http://schemas.microsoft.com/office/drawing/2014/main" id="{210B7C6B-B24B-CA37-EE3B-4F0FF4550EE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1187671" y="6511212"/>
            <a:ext cx="878140" cy="263442"/>
          </a:xfrm>
          <a:prstGeom prst="rect">
            <a:avLst/>
          </a:prstGeom>
        </p:spPr>
      </p:pic>
      <p:cxnSp>
        <p:nvCxnSpPr>
          <p:cNvPr id="19" name="Straight Connector 18">
            <a:extLst>
              <a:ext uri="{FF2B5EF4-FFF2-40B4-BE49-F238E27FC236}">
                <a16:creationId xmlns:a16="http://schemas.microsoft.com/office/drawing/2014/main" id="{1DAB3351-602A-F8DB-109F-6A3C66679FA8}"/>
              </a:ext>
            </a:extLst>
          </p:cNvPr>
          <p:cNvCxnSpPr>
            <a:cxnSpLocks/>
          </p:cNvCxnSpPr>
          <p:nvPr userDrawn="1"/>
        </p:nvCxnSpPr>
        <p:spPr>
          <a:xfrm>
            <a:off x="528219" y="6437133"/>
            <a:ext cx="11663781" cy="0"/>
          </a:xfrm>
          <a:prstGeom prst="line">
            <a:avLst/>
          </a:prstGeom>
          <a:ln w="12700">
            <a:solidFill>
              <a:schemeClr val="bg1">
                <a:alpha val="50000"/>
              </a:schemeClr>
            </a:solidFill>
          </a:ln>
        </p:spPr>
        <p:style>
          <a:lnRef idx="1">
            <a:schemeClr val="accent1"/>
          </a:lnRef>
          <a:fillRef idx="0">
            <a:schemeClr val="accent1"/>
          </a:fillRef>
          <a:effectRef idx="0">
            <a:schemeClr val="accent1"/>
          </a:effectRef>
          <a:fontRef idx="minor">
            <a:schemeClr val="tx1"/>
          </a:fontRef>
        </p:style>
      </p:cxnSp>
      <p:sp>
        <p:nvSpPr>
          <p:cNvPr id="5" name="Slide Number Placeholder 4">
            <a:extLst>
              <a:ext uri="{FF2B5EF4-FFF2-40B4-BE49-F238E27FC236}">
                <a16:creationId xmlns:a16="http://schemas.microsoft.com/office/drawing/2014/main" id="{07240838-27E1-5E09-DC5E-A8851498CB27}"/>
              </a:ext>
            </a:extLst>
          </p:cNvPr>
          <p:cNvSpPr txBox="1">
            <a:spLocks/>
          </p:cNvSpPr>
          <p:nvPr userDrawn="1"/>
        </p:nvSpPr>
        <p:spPr>
          <a:xfrm>
            <a:off x="427142" y="6485429"/>
            <a:ext cx="370690" cy="249385"/>
          </a:xfrm>
          <a:prstGeom prst="rect">
            <a:avLst/>
          </a:prstGeom>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1DC30E3D-CB90-45E3-93AB-B8BA813A968A}" type="slidenum">
              <a:rPr lang="en-IN" sz="1200" smtClean="0">
                <a:solidFill>
                  <a:srgbClr val="DCCBED"/>
                </a:solidFill>
                <a:latin typeface="Roboto SemiBold" panose="02000000000000000000" pitchFamily="2" charset="0"/>
              </a:rPr>
              <a:pPr/>
              <a:t>‹#›</a:t>
            </a:fld>
            <a:endParaRPr lang="en-IN" sz="1200" dirty="0">
              <a:solidFill>
                <a:srgbClr val="DCCBED"/>
              </a:solidFill>
              <a:latin typeface="Roboto SemiBold" panose="02000000000000000000" pitchFamily="2" charset="0"/>
            </a:endParaRPr>
          </a:p>
        </p:txBody>
      </p:sp>
    </p:spTree>
    <p:extLst>
      <p:ext uri="{BB962C8B-B14F-4D97-AF65-F5344CB8AC3E}">
        <p14:creationId xmlns:p14="http://schemas.microsoft.com/office/powerpoint/2010/main" val="1424023687"/>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type="titleOnly" preserve="1">
  <p:cSld name="5_Title Only">
    <p:spTree>
      <p:nvGrpSpPr>
        <p:cNvPr id="1" name=""/>
        <p:cNvGrpSpPr/>
        <p:nvPr/>
      </p:nvGrpSpPr>
      <p:grpSpPr>
        <a:xfrm>
          <a:off x="0" y="0"/>
          <a:ext cx="0" cy="0"/>
          <a:chOff x="0" y="0"/>
          <a:chExt cx="0" cy="0"/>
        </a:xfrm>
      </p:grpSpPr>
      <p:pic>
        <p:nvPicPr>
          <p:cNvPr id="7" name="Picture 6" descr="A picture containing text, toy&#10;&#10;Description automatically generated">
            <a:extLst>
              <a:ext uri="{FF2B5EF4-FFF2-40B4-BE49-F238E27FC236}">
                <a16:creationId xmlns:a16="http://schemas.microsoft.com/office/drawing/2014/main" id="{ECE14559-E04A-CEF5-1552-F15D01E51D80}"/>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t="9848"/>
          <a:stretch/>
        </p:blipFill>
        <p:spPr>
          <a:xfrm>
            <a:off x="0" y="-1"/>
            <a:ext cx="12192000" cy="6869576"/>
          </a:xfrm>
          <a:prstGeom prst="rect">
            <a:avLst/>
          </a:prstGeom>
        </p:spPr>
      </p:pic>
      <p:sp>
        <p:nvSpPr>
          <p:cNvPr id="4" name="Rectangle 3">
            <a:extLst>
              <a:ext uri="{FF2B5EF4-FFF2-40B4-BE49-F238E27FC236}">
                <a16:creationId xmlns:a16="http://schemas.microsoft.com/office/drawing/2014/main" id="{B3A99E68-A39C-9FA8-9385-DCB555B790DC}"/>
              </a:ext>
            </a:extLst>
          </p:cNvPr>
          <p:cNvSpPr/>
          <p:nvPr userDrawn="1"/>
        </p:nvSpPr>
        <p:spPr>
          <a:xfrm rot="10800000" flipH="1">
            <a:off x="-8844" y="-1"/>
            <a:ext cx="12200844" cy="6234545"/>
          </a:xfrm>
          <a:prstGeom prst="rect">
            <a:avLst/>
          </a:prstGeom>
          <a:gradFill flip="none" rotWithShape="1">
            <a:gsLst>
              <a:gs pos="0">
                <a:srgbClr val="68058D">
                  <a:alpha val="49000"/>
                </a:srgbClr>
              </a:gs>
              <a:gs pos="50000">
                <a:srgbClr val="8202CA">
                  <a:alpha val="88000"/>
                </a:srgbClr>
              </a:gs>
              <a:gs pos="100000">
                <a:srgbClr val="5C00C5">
                  <a:alpha val="91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n-IN" dirty="0">
              <a:latin typeface="Roboto SemiBold" panose="02000000000000000000" pitchFamily="2" charset="0"/>
            </a:endParaRPr>
          </a:p>
        </p:txBody>
      </p:sp>
      <p:sp>
        <p:nvSpPr>
          <p:cNvPr id="2" name="Title 1">
            <a:extLst>
              <a:ext uri="{FF2B5EF4-FFF2-40B4-BE49-F238E27FC236}">
                <a16:creationId xmlns:a16="http://schemas.microsoft.com/office/drawing/2014/main" id="{D7E05EF4-BB1E-450D-95D4-5925C61A9753}"/>
              </a:ext>
            </a:extLst>
          </p:cNvPr>
          <p:cNvSpPr>
            <a:spLocks noGrp="1"/>
          </p:cNvSpPr>
          <p:nvPr>
            <p:ph type="title"/>
          </p:nvPr>
        </p:nvSpPr>
        <p:spPr>
          <a:xfrm>
            <a:off x="3564278" y="2965170"/>
            <a:ext cx="5054600" cy="713529"/>
          </a:xfrm>
        </p:spPr>
        <p:txBody>
          <a:bodyPr>
            <a:normAutofit/>
          </a:bodyPr>
          <a:lstStyle>
            <a:lvl1pPr>
              <a:defRPr sz="2700" b="0">
                <a:solidFill>
                  <a:schemeClr val="bg1"/>
                </a:solidFill>
                <a:latin typeface="Roboto SemiBold" panose="02000000000000000000" pitchFamily="2" charset="0"/>
              </a:defRPr>
            </a:lvl1pPr>
          </a:lstStyle>
          <a:p>
            <a:r>
              <a:rPr lang="en-US" dirty="0"/>
              <a:t>Click to edit Master title style</a:t>
            </a:r>
            <a:endParaRPr lang="en-IN" dirty="0"/>
          </a:p>
        </p:txBody>
      </p:sp>
      <p:pic>
        <p:nvPicPr>
          <p:cNvPr id="18" name="Picture 17" descr="A picture containing text, clipart&#10;&#10;Description automatically generated">
            <a:extLst>
              <a:ext uri="{FF2B5EF4-FFF2-40B4-BE49-F238E27FC236}">
                <a16:creationId xmlns:a16="http://schemas.microsoft.com/office/drawing/2014/main" id="{210B7C6B-B24B-CA37-EE3B-4F0FF4550EE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1187671" y="6511212"/>
            <a:ext cx="878140" cy="263442"/>
          </a:xfrm>
          <a:prstGeom prst="rect">
            <a:avLst/>
          </a:prstGeom>
        </p:spPr>
      </p:pic>
      <p:cxnSp>
        <p:nvCxnSpPr>
          <p:cNvPr id="19" name="Straight Connector 18">
            <a:extLst>
              <a:ext uri="{FF2B5EF4-FFF2-40B4-BE49-F238E27FC236}">
                <a16:creationId xmlns:a16="http://schemas.microsoft.com/office/drawing/2014/main" id="{1DAB3351-602A-F8DB-109F-6A3C66679FA8}"/>
              </a:ext>
            </a:extLst>
          </p:cNvPr>
          <p:cNvCxnSpPr>
            <a:cxnSpLocks/>
          </p:cNvCxnSpPr>
          <p:nvPr userDrawn="1"/>
        </p:nvCxnSpPr>
        <p:spPr>
          <a:xfrm>
            <a:off x="528219" y="6437133"/>
            <a:ext cx="11663781" cy="0"/>
          </a:xfrm>
          <a:prstGeom prst="line">
            <a:avLst/>
          </a:prstGeom>
          <a:ln w="12700">
            <a:solidFill>
              <a:schemeClr val="bg1">
                <a:alpha val="50000"/>
              </a:schemeClr>
            </a:solidFill>
          </a:ln>
        </p:spPr>
        <p:style>
          <a:lnRef idx="1">
            <a:schemeClr val="accent1"/>
          </a:lnRef>
          <a:fillRef idx="0">
            <a:schemeClr val="accent1"/>
          </a:fillRef>
          <a:effectRef idx="0">
            <a:schemeClr val="accent1"/>
          </a:effectRef>
          <a:fontRef idx="minor">
            <a:schemeClr val="tx1"/>
          </a:fontRef>
        </p:style>
      </p:cxnSp>
      <p:sp>
        <p:nvSpPr>
          <p:cNvPr id="5" name="Slide Number Placeholder 4">
            <a:extLst>
              <a:ext uri="{FF2B5EF4-FFF2-40B4-BE49-F238E27FC236}">
                <a16:creationId xmlns:a16="http://schemas.microsoft.com/office/drawing/2014/main" id="{07240838-27E1-5E09-DC5E-A8851498CB27}"/>
              </a:ext>
            </a:extLst>
          </p:cNvPr>
          <p:cNvSpPr txBox="1">
            <a:spLocks/>
          </p:cNvSpPr>
          <p:nvPr userDrawn="1"/>
        </p:nvSpPr>
        <p:spPr>
          <a:xfrm>
            <a:off x="427142" y="6485429"/>
            <a:ext cx="370690" cy="249385"/>
          </a:xfrm>
          <a:prstGeom prst="rect">
            <a:avLst/>
          </a:prstGeom>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1DC30E3D-CB90-45E3-93AB-B8BA813A968A}" type="slidenum">
              <a:rPr lang="en-IN" sz="1200" smtClean="0">
                <a:solidFill>
                  <a:srgbClr val="DCCBED"/>
                </a:solidFill>
                <a:latin typeface="Roboto SemiBold" panose="02000000000000000000" pitchFamily="2" charset="0"/>
              </a:rPr>
              <a:pPr/>
              <a:t>‹#›</a:t>
            </a:fld>
            <a:endParaRPr lang="en-IN" sz="1200" dirty="0">
              <a:solidFill>
                <a:srgbClr val="DCCBED"/>
              </a:solidFill>
              <a:latin typeface="Roboto SemiBold" panose="02000000000000000000" pitchFamily="2" charset="0"/>
            </a:endParaRPr>
          </a:p>
        </p:txBody>
      </p:sp>
    </p:spTree>
    <p:extLst>
      <p:ext uri="{BB962C8B-B14F-4D97-AF65-F5344CB8AC3E}">
        <p14:creationId xmlns:p14="http://schemas.microsoft.com/office/powerpoint/2010/main" val="3837552283"/>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image" Target="../media/image3.png"/><Relationship Id="rId2" Type="http://schemas.openxmlformats.org/officeDocument/2006/relationships/slideLayout" Target="../slideLayouts/slideLayout2.xml"/><Relationship Id="rId16" Type="http://schemas.openxmlformats.org/officeDocument/2006/relationships/image" Target="../media/image2.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image" Target="../media/image1.jpeg"/><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pic>
        <p:nvPicPr>
          <p:cNvPr id="7" name="Picture 6" descr="White wavy architecture designs">
            <a:extLst>
              <a:ext uri="{FF2B5EF4-FFF2-40B4-BE49-F238E27FC236}">
                <a16:creationId xmlns:a16="http://schemas.microsoft.com/office/drawing/2014/main" id="{3BB97CE5-5652-3EB2-16B5-4D6F19B8E016}"/>
              </a:ext>
            </a:extLst>
          </p:cNvPr>
          <p:cNvPicPr>
            <a:picLocks noChangeAspect="1"/>
          </p:cNvPicPr>
          <p:nvPr userDrawn="1"/>
        </p:nvPicPr>
        <p:blipFill>
          <a:blip r:embed="rId15">
            <a:alphaModFix amt="8000"/>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2" name="Title Placeholder 1">
            <a:extLst>
              <a:ext uri="{FF2B5EF4-FFF2-40B4-BE49-F238E27FC236}">
                <a16:creationId xmlns:a16="http://schemas.microsoft.com/office/drawing/2014/main" id="{21DC6919-DD30-8F34-0196-CF377F0F67D2}"/>
              </a:ext>
            </a:extLst>
          </p:cNvPr>
          <p:cNvSpPr>
            <a:spLocks noGrp="1"/>
          </p:cNvSpPr>
          <p:nvPr>
            <p:ph type="title"/>
          </p:nvPr>
        </p:nvSpPr>
        <p:spPr>
          <a:xfrm>
            <a:off x="446939" y="365125"/>
            <a:ext cx="10515600" cy="640715"/>
          </a:xfrm>
          <a:prstGeom prst="rect">
            <a:avLst/>
          </a:prstGeom>
        </p:spPr>
        <p:txBody>
          <a:bodyPr vert="horz" lIns="91440" tIns="45720" rIns="91440" bIns="45720" rtlCol="0" anchor="ctr">
            <a:normAutofit/>
          </a:bodyPr>
          <a:lstStyle/>
          <a:p>
            <a:pPr lvl="0"/>
            <a:r>
              <a:rPr lang="en-US" dirty="0"/>
              <a:t>Click to edit Master title style</a:t>
            </a:r>
            <a:endParaRPr lang="en-IN" dirty="0"/>
          </a:p>
        </p:txBody>
      </p:sp>
      <p:sp>
        <p:nvSpPr>
          <p:cNvPr id="3" name="Text Placeholder 2">
            <a:extLst>
              <a:ext uri="{FF2B5EF4-FFF2-40B4-BE49-F238E27FC236}">
                <a16:creationId xmlns:a16="http://schemas.microsoft.com/office/drawing/2014/main" id="{87B5816B-1E5A-5B75-6587-12E2FF615F80}"/>
              </a:ext>
            </a:extLst>
          </p:cNvPr>
          <p:cNvSpPr>
            <a:spLocks noGrp="1"/>
          </p:cNvSpPr>
          <p:nvPr>
            <p:ph type="body" idx="1"/>
          </p:nvPr>
        </p:nvSpPr>
        <p:spPr>
          <a:xfrm>
            <a:off x="446939" y="1370965"/>
            <a:ext cx="10515600" cy="4351338"/>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IN" dirty="0"/>
          </a:p>
        </p:txBody>
      </p:sp>
      <p:pic>
        <p:nvPicPr>
          <p:cNvPr id="10" name="Picture 9" descr="A picture containing text, clipart&#10;&#10;Description automatically generated">
            <a:extLst>
              <a:ext uri="{FF2B5EF4-FFF2-40B4-BE49-F238E27FC236}">
                <a16:creationId xmlns:a16="http://schemas.microsoft.com/office/drawing/2014/main" id="{CE541D3B-5F30-7607-9D6E-F1D9827CE437}"/>
              </a:ext>
            </a:extLst>
          </p:cNvPr>
          <p:cNvPicPr>
            <a:picLocks noChangeAspect="1"/>
          </p:cNvPicPr>
          <p:nvPr userDrawn="1"/>
        </p:nvPicPr>
        <p:blipFill>
          <a:blip r:embed="rId16">
            <a:extLst>
              <a:ext uri="{28A0092B-C50C-407E-A947-70E740481C1C}">
                <a14:useLocalDpi xmlns:a14="http://schemas.microsoft.com/office/drawing/2010/main" val="0"/>
              </a:ext>
            </a:extLst>
          </a:blip>
          <a:stretch>
            <a:fillRect/>
          </a:stretch>
        </p:blipFill>
        <p:spPr>
          <a:xfrm>
            <a:off x="11187671" y="6511212"/>
            <a:ext cx="878140" cy="263442"/>
          </a:xfrm>
          <a:prstGeom prst="rect">
            <a:avLst/>
          </a:prstGeom>
        </p:spPr>
      </p:pic>
      <p:cxnSp>
        <p:nvCxnSpPr>
          <p:cNvPr id="11" name="Straight Connector 10">
            <a:extLst>
              <a:ext uri="{FF2B5EF4-FFF2-40B4-BE49-F238E27FC236}">
                <a16:creationId xmlns:a16="http://schemas.microsoft.com/office/drawing/2014/main" id="{1B58F2CA-E6D3-A940-1D6D-CC37FC09F2A3}"/>
              </a:ext>
            </a:extLst>
          </p:cNvPr>
          <p:cNvCxnSpPr>
            <a:cxnSpLocks/>
          </p:cNvCxnSpPr>
          <p:nvPr userDrawn="1"/>
        </p:nvCxnSpPr>
        <p:spPr>
          <a:xfrm>
            <a:off x="528219" y="6437133"/>
            <a:ext cx="11663781" cy="0"/>
          </a:xfrm>
          <a:prstGeom prst="line">
            <a:avLst/>
          </a:prstGeom>
          <a:ln w="12700">
            <a:solidFill>
              <a:srgbClr val="BE3455">
                <a:alpha val="50000"/>
              </a:srgbClr>
            </a:solidFill>
          </a:ln>
        </p:spPr>
        <p:style>
          <a:lnRef idx="1">
            <a:schemeClr val="accent1"/>
          </a:lnRef>
          <a:fillRef idx="0">
            <a:schemeClr val="accent1"/>
          </a:fillRef>
          <a:effectRef idx="0">
            <a:schemeClr val="accent1"/>
          </a:effectRef>
          <a:fontRef idx="minor">
            <a:schemeClr val="tx1"/>
          </a:fontRef>
        </p:style>
      </p:cxnSp>
      <p:pic>
        <p:nvPicPr>
          <p:cNvPr id="12" name="Content Placeholder 14" descr="A picture containing text">
            <a:extLst>
              <a:ext uri="{FF2B5EF4-FFF2-40B4-BE49-F238E27FC236}">
                <a16:creationId xmlns:a16="http://schemas.microsoft.com/office/drawing/2014/main" id="{A32CBD51-93CD-E6A7-522F-668F0187E27B}"/>
              </a:ext>
            </a:extLst>
          </p:cNvPr>
          <p:cNvPicPr>
            <a:picLocks noChangeAspect="1"/>
          </p:cNvPicPr>
          <p:nvPr userDrawn="1"/>
        </p:nvPicPr>
        <p:blipFill>
          <a:blip r:embed="rId17">
            <a:extLst>
              <a:ext uri="{28A0092B-C50C-407E-A947-70E740481C1C}">
                <a14:useLocalDpi xmlns:a14="http://schemas.microsoft.com/office/drawing/2010/main" val="0"/>
              </a:ext>
            </a:extLst>
          </a:blip>
          <a:stretch>
            <a:fillRect/>
          </a:stretch>
        </p:blipFill>
        <p:spPr>
          <a:xfrm>
            <a:off x="11186160" y="6505574"/>
            <a:ext cx="882712" cy="273883"/>
          </a:xfrm>
          <a:prstGeom prst="rect">
            <a:avLst/>
          </a:prstGeom>
        </p:spPr>
      </p:pic>
      <p:sp>
        <p:nvSpPr>
          <p:cNvPr id="4" name="Slide Number Placeholder 4">
            <a:extLst>
              <a:ext uri="{FF2B5EF4-FFF2-40B4-BE49-F238E27FC236}">
                <a16:creationId xmlns:a16="http://schemas.microsoft.com/office/drawing/2014/main" id="{89B6EFB4-1146-28E2-225F-2CB322B435A5}"/>
              </a:ext>
            </a:extLst>
          </p:cNvPr>
          <p:cNvSpPr txBox="1">
            <a:spLocks/>
          </p:cNvSpPr>
          <p:nvPr userDrawn="1"/>
        </p:nvSpPr>
        <p:spPr>
          <a:xfrm>
            <a:off x="427142" y="6485429"/>
            <a:ext cx="370690" cy="249385"/>
          </a:xfrm>
          <a:prstGeom prst="rect">
            <a:avLst/>
          </a:prstGeom>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1DC30E3D-CB90-45E3-93AB-B8BA813A968A}" type="slidenum">
              <a:rPr lang="en-IN" sz="1200" smtClean="0">
                <a:solidFill>
                  <a:srgbClr val="DCCBED"/>
                </a:solidFill>
                <a:latin typeface="Roboto SemiBold" panose="02000000000000000000" pitchFamily="2" charset="0"/>
              </a:rPr>
              <a:pPr/>
              <a:t>‹#›</a:t>
            </a:fld>
            <a:endParaRPr lang="en-IN" sz="1200" dirty="0">
              <a:solidFill>
                <a:srgbClr val="DCCBED"/>
              </a:solidFill>
              <a:latin typeface="Roboto SemiBold" panose="02000000000000000000" pitchFamily="2" charset="0"/>
            </a:endParaRPr>
          </a:p>
        </p:txBody>
      </p:sp>
    </p:spTree>
    <p:extLst>
      <p:ext uri="{BB962C8B-B14F-4D97-AF65-F5344CB8AC3E}">
        <p14:creationId xmlns:p14="http://schemas.microsoft.com/office/powerpoint/2010/main" val="208615356"/>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60" r:id="rId7"/>
    <p:sldLayoutId id="2147483662" r:id="rId8"/>
    <p:sldLayoutId id="2147483664" r:id="rId9"/>
    <p:sldLayoutId id="2147483663" r:id="rId10"/>
    <p:sldLayoutId id="2147483661" r:id="rId11"/>
    <p:sldLayoutId id="2147483655" r:id="rId12"/>
    <p:sldLayoutId id="2147483666" r:id="rId13"/>
  </p:sldLayoutIdLst>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txStyles>
    <p:titleStyle>
      <a:lvl1pPr algn="l" defTabSz="914400" rtl="0" eaLnBrk="1" latinLnBrk="0" hangingPunct="1">
        <a:lnSpc>
          <a:spcPct val="90000"/>
        </a:lnSpc>
        <a:spcBef>
          <a:spcPct val="0"/>
        </a:spcBef>
        <a:buNone/>
        <a:defRPr lang="en-IN" sz="2700" b="0" kern="1200" dirty="0">
          <a:solidFill>
            <a:srgbClr val="8D32C0"/>
          </a:solidFill>
          <a:latin typeface="Roboto SemiBold" panose="02000000000000000000" pitchFamily="2" charset="0"/>
          <a:ea typeface="+mj-ea"/>
          <a:cs typeface="+mj-cs"/>
        </a:defRPr>
      </a:lvl1pPr>
    </p:titleStyle>
    <p:body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oboto SemiBold" panose="02000000000000000000" pitchFamily="2"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oboto SemiBold" panose="02000000000000000000" pitchFamily="2"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oboto SemiBold" panose="02000000000000000000" pitchFamily="2"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oboto SemiBold" panose="02000000000000000000" pitchFamily="2"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oboto SemiBold" panose="02000000000000000000" pitchFamily="2"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hyperlink" Target="mailto:Daren.Harber@aptaracorp.com" TargetMode="External"/></Relationships>
</file>

<file path=ppt/slides/_rels/slide10.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8.xml"/><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9.xml"/><Relationship Id="rId1" Type="http://schemas.openxmlformats.org/officeDocument/2006/relationships/slideLayout" Target="../slideLayouts/slideLayout2.xml"/><Relationship Id="rId5" Type="http://schemas.openxmlformats.org/officeDocument/2006/relationships/image" Target="../media/image41.png"/><Relationship Id="rId4" Type="http://schemas.openxmlformats.org/officeDocument/2006/relationships/image" Target="../media/image51.svg"/></Relationships>
</file>

<file path=ppt/slides/_rels/slide12.xml.rels><?xml version="1.0" encoding="UTF-8" standalone="yes"?>
<Relationships xmlns="http://schemas.openxmlformats.org/package/2006/relationships"><Relationship Id="rId8" Type="http://schemas.openxmlformats.org/officeDocument/2006/relationships/hyperlink" Target="https://share.synthesia.io/c28010be-7d9e-44a3-be62-d46c157088b0" TargetMode="External"/><Relationship Id="rId3" Type="http://schemas.openxmlformats.org/officeDocument/2006/relationships/notesSlide" Target="../notesSlides/notesSlide10.xml"/><Relationship Id="rId7" Type="http://schemas.openxmlformats.org/officeDocument/2006/relationships/image" Target="../media/image53.png"/><Relationship Id="rId2" Type="http://schemas.openxmlformats.org/officeDocument/2006/relationships/slideLayout" Target="../slideLayouts/slideLayout2.xml"/><Relationship Id="rId1" Type="http://schemas.openxmlformats.org/officeDocument/2006/relationships/tags" Target="../tags/tag2.xml"/><Relationship Id="rId6" Type="http://schemas.openxmlformats.org/officeDocument/2006/relationships/hyperlink" Target="https://demos.aptaracorp.com/Showcase/Demos/SEO_and_Adobe_Analytics/story.html" TargetMode="External"/><Relationship Id="rId5" Type="http://schemas.openxmlformats.org/officeDocument/2006/relationships/image" Target="../media/image52.png"/><Relationship Id="rId4" Type="http://schemas.openxmlformats.org/officeDocument/2006/relationships/image" Target="../media/image6.png"/></Relationships>
</file>

<file path=ppt/slides/_rels/slide13.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11.xml"/><Relationship Id="rId1" Type="http://schemas.openxmlformats.org/officeDocument/2006/relationships/slideLayout" Target="../slideLayouts/slideLayout2.xml"/><Relationship Id="rId5" Type="http://schemas.openxmlformats.org/officeDocument/2006/relationships/image" Target="../media/image42.png"/><Relationship Id="rId4" Type="http://schemas.openxmlformats.org/officeDocument/2006/relationships/image" Target="../media/image51.svg"/></Relationships>
</file>

<file path=ppt/slides/_rels/slide14.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12.xml"/><Relationship Id="rId1" Type="http://schemas.openxmlformats.org/officeDocument/2006/relationships/slideLayout" Target="../slideLayouts/slideLayout2.xml"/><Relationship Id="rId5" Type="http://schemas.openxmlformats.org/officeDocument/2006/relationships/image" Target="../media/image54.jpeg"/><Relationship Id="rId4" Type="http://schemas.openxmlformats.org/officeDocument/2006/relationships/hyperlink" Target="https://salesportal.aptaracorp.com/ProtectingOurPlanet/index.html" TargetMode="External"/></Relationships>
</file>

<file path=ppt/slides/_rels/slide1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13.xml"/><Relationship Id="rId1" Type="http://schemas.openxmlformats.org/officeDocument/2006/relationships/slideLayout" Target="../slideLayouts/slideLayout2.xml"/><Relationship Id="rId5" Type="http://schemas.openxmlformats.org/officeDocument/2006/relationships/image" Target="../media/image37.svg"/><Relationship Id="rId4" Type="http://schemas.openxmlformats.org/officeDocument/2006/relationships/image" Target="../media/image51.svg"/></Relationships>
</file>

<file path=ppt/slides/_rels/slide1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video" Target="../media/media1.mp4"/><Relationship Id="rId1" Type="http://schemas.microsoft.com/office/2007/relationships/media" Target="../media/media1.mp4"/><Relationship Id="rId6" Type="http://schemas.openxmlformats.org/officeDocument/2006/relationships/image" Target="../media/image55.png"/><Relationship Id="rId5" Type="http://schemas.openxmlformats.org/officeDocument/2006/relationships/image" Target="../media/image6.png"/><Relationship Id="rId4" Type="http://schemas.openxmlformats.org/officeDocument/2006/relationships/notesSlide" Target="../notesSlides/notesSlide14.xml"/></Relationships>
</file>

<file path=ppt/slides/_rels/slide17.xml.rels><?xml version="1.0" encoding="UTF-8" standalone="yes"?>
<Relationships xmlns="http://schemas.openxmlformats.org/package/2006/relationships"><Relationship Id="rId3" Type="http://schemas.openxmlformats.org/officeDocument/2006/relationships/image" Target="../media/image6.png"/><Relationship Id="rId7" Type="http://schemas.openxmlformats.org/officeDocument/2006/relationships/image" Target="../media/image59.png"/><Relationship Id="rId2" Type="http://schemas.openxmlformats.org/officeDocument/2006/relationships/notesSlide" Target="../notesSlides/notesSlide15.xml"/><Relationship Id="rId1" Type="http://schemas.openxmlformats.org/officeDocument/2006/relationships/slideLayout" Target="../slideLayouts/slideLayout2.xml"/><Relationship Id="rId6" Type="http://schemas.openxmlformats.org/officeDocument/2006/relationships/image" Target="../media/image58.png"/><Relationship Id="rId5" Type="http://schemas.openxmlformats.org/officeDocument/2006/relationships/image" Target="../media/image57.png"/><Relationship Id="rId4" Type="http://schemas.openxmlformats.org/officeDocument/2006/relationships/image" Target="../media/image56.png"/></Relationships>
</file>

<file path=ppt/slides/_rels/slide18.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video" Target="../media/media2.mp4"/><Relationship Id="rId1" Type="http://schemas.microsoft.com/office/2007/relationships/media" Target="../media/media2.mp4"/><Relationship Id="rId6" Type="http://schemas.openxmlformats.org/officeDocument/2006/relationships/image" Target="../media/image60.png"/><Relationship Id="rId5" Type="http://schemas.openxmlformats.org/officeDocument/2006/relationships/image" Target="../media/image6.png"/><Relationship Id="rId4" Type="http://schemas.openxmlformats.org/officeDocument/2006/relationships/notesSlide" Target="../notesSlides/notesSlide16.xml"/></Relationships>
</file>

<file path=ppt/slides/_rels/slide19.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video" Target="../media/media3.mp4"/><Relationship Id="rId1" Type="http://schemas.microsoft.com/office/2007/relationships/media" Target="../media/media3.mp4"/><Relationship Id="rId6" Type="http://schemas.openxmlformats.org/officeDocument/2006/relationships/image" Target="../media/image6.png"/><Relationship Id="rId5" Type="http://schemas.openxmlformats.org/officeDocument/2006/relationships/image" Target="../media/image61.png"/><Relationship Id="rId4" Type="http://schemas.openxmlformats.org/officeDocument/2006/relationships/notesSlide" Target="../notesSlides/notesSlide17.xml"/></Relationships>
</file>

<file path=ppt/slides/_rels/slide2.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xml"/><Relationship Id="rId1" Type="http://schemas.openxmlformats.org/officeDocument/2006/relationships/slideLayout" Target="../slideLayouts/slideLayout2.xml"/><Relationship Id="rId6" Type="http://schemas.openxmlformats.org/officeDocument/2006/relationships/image" Target="../media/image14.svg"/><Relationship Id="rId5" Type="http://schemas.openxmlformats.org/officeDocument/2006/relationships/image" Target="../media/image13.svg"/><Relationship Id="rId4" Type="http://schemas.openxmlformats.org/officeDocument/2006/relationships/image" Target="../media/image12.svg"/></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21.xml.rels><?xml version="1.0" encoding="UTF-8" standalone="yes"?>
<Relationships xmlns="http://schemas.openxmlformats.org/package/2006/relationships"><Relationship Id="rId8" Type="http://schemas.openxmlformats.org/officeDocument/2006/relationships/image" Target="../media/image63.jpeg"/><Relationship Id="rId13" Type="http://schemas.openxmlformats.org/officeDocument/2006/relationships/hyperlink" Target="https://360.articulate.com/review/content/45960eca-f183-4c10-9cff-d849d39a19a1/review" TargetMode="External"/><Relationship Id="rId3" Type="http://schemas.openxmlformats.org/officeDocument/2006/relationships/image" Target="../media/image6.png"/><Relationship Id="rId7" Type="http://schemas.openxmlformats.org/officeDocument/2006/relationships/image" Target="../media/image62.png"/><Relationship Id="rId12" Type="http://schemas.openxmlformats.org/officeDocument/2006/relationships/hyperlink" Target="https://360.articulate.com/review/content/f514a418-0b28-47ba-be11-2898715c65c5/review" TargetMode="External"/><Relationship Id="rId2" Type="http://schemas.openxmlformats.org/officeDocument/2006/relationships/notesSlide" Target="../notesSlides/notesSlide18.xml"/><Relationship Id="rId16" Type="http://schemas.openxmlformats.org/officeDocument/2006/relationships/image" Target="../media/image66.png"/><Relationship Id="rId1" Type="http://schemas.openxmlformats.org/officeDocument/2006/relationships/slideLayout" Target="../slideLayouts/slideLayout2.xml"/><Relationship Id="rId6" Type="http://schemas.openxmlformats.org/officeDocument/2006/relationships/image" Target="../media/image45.jpeg"/><Relationship Id="rId11" Type="http://schemas.openxmlformats.org/officeDocument/2006/relationships/hyperlink" Target="https://360.articulate.com/review/content/caeba827-270b-4ad4-8354-a69353082f28/review" TargetMode="External"/><Relationship Id="rId5" Type="http://schemas.openxmlformats.org/officeDocument/2006/relationships/hyperlink" Target="https://360.articulate.com/review/content/1794de9d-14df-493c-ab03-873036e1d9fb/review" TargetMode="External"/><Relationship Id="rId15" Type="http://schemas.openxmlformats.org/officeDocument/2006/relationships/image" Target="../media/image65.png"/><Relationship Id="rId10" Type="http://schemas.openxmlformats.org/officeDocument/2006/relationships/hyperlink" Target="https://360.articulate.com/review/content/a363369c-ec21-4da7-aae8-75e2a216a40f/review" TargetMode="External"/><Relationship Id="rId4" Type="http://schemas.openxmlformats.org/officeDocument/2006/relationships/image" Target="../media/image51.svg"/><Relationship Id="rId9" Type="http://schemas.openxmlformats.org/officeDocument/2006/relationships/image" Target="../media/image64.png"/><Relationship Id="rId14" Type="http://schemas.openxmlformats.org/officeDocument/2006/relationships/hyperlink" Target="https://360.articulate.com/review/content/5baeb972-6d20-4e58-9535-169f8e4638e4/review" TargetMode="Externa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23.xml.rels><?xml version="1.0" encoding="UTF-8" standalone="yes"?>
<Relationships xmlns="http://schemas.openxmlformats.org/package/2006/relationships"><Relationship Id="rId8" Type="http://schemas.openxmlformats.org/officeDocument/2006/relationships/image" Target="../media/image71.svg"/><Relationship Id="rId3" Type="http://schemas.openxmlformats.org/officeDocument/2006/relationships/image" Target="../media/image6.png"/><Relationship Id="rId7" Type="http://schemas.openxmlformats.org/officeDocument/2006/relationships/image" Target="../media/image70.svg"/><Relationship Id="rId2" Type="http://schemas.openxmlformats.org/officeDocument/2006/relationships/notesSlide" Target="../notesSlides/notesSlide19.xml"/><Relationship Id="rId1" Type="http://schemas.openxmlformats.org/officeDocument/2006/relationships/slideLayout" Target="../slideLayouts/slideLayout2.xml"/><Relationship Id="rId6" Type="http://schemas.openxmlformats.org/officeDocument/2006/relationships/image" Target="../media/image69.svg"/><Relationship Id="rId5" Type="http://schemas.openxmlformats.org/officeDocument/2006/relationships/image" Target="../media/image68.svg"/><Relationship Id="rId4" Type="http://schemas.openxmlformats.org/officeDocument/2006/relationships/image" Target="../media/image67.sv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2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0.xml"/><Relationship Id="rId1" Type="http://schemas.openxmlformats.org/officeDocument/2006/relationships/slideLayout" Target="../slideLayouts/slideLayout2.xml"/><Relationship Id="rId6" Type="http://schemas.openxmlformats.org/officeDocument/2006/relationships/image" Target="../media/image51.svg"/><Relationship Id="rId5" Type="http://schemas.openxmlformats.org/officeDocument/2006/relationships/image" Target="../media/image73.png"/><Relationship Id="rId4" Type="http://schemas.openxmlformats.org/officeDocument/2006/relationships/image" Target="../media/image72.png"/></Relationships>
</file>

<file path=ppt/slides/_rels/slide26.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1.xml"/><Relationship Id="rId1" Type="http://schemas.openxmlformats.org/officeDocument/2006/relationships/slideLayout" Target="../slideLayouts/slideLayout2.xml"/><Relationship Id="rId6" Type="http://schemas.openxmlformats.org/officeDocument/2006/relationships/image" Target="../media/image75.png"/><Relationship Id="rId5" Type="http://schemas.openxmlformats.org/officeDocument/2006/relationships/image" Target="../media/image74.png"/><Relationship Id="rId4" Type="http://schemas.openxmlformats.org/officeDocument/2006/relationships/hyperlink" Target="https://salesportal.aptaracorp.com/Merck/PoCs/Rise/index.html" TargetMode="Externa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28.xml.rels><?xml version="1.0" encoding="UTF-8" standalone="yes"?>
<Relationships xmlns="http://schemas.openxmlformats.org/package/2006/relationships"><Relationship Id="rId8" Type="http://schemas.openxmlformats.org/officeDocument/2006/relationships/image" Target="../media/image79.png"/><Relationship Id="rId3" Type="http://schemas.openxmlformats.org/officeDocument/2006/relationships/image" Target="../media/image6.png"/><Relationship Id="rId7" Type="http://schemas.openxmlformats.org/officeDocument/2006/relationships/image" Target="../media/image78.png"/><Relationship Id="rId2" Type="http://schemas.openxmlformats.org/officeDocument/2006/relationships/notesSlide" Target="../notesSlides/notesSlide22.xml"/><Relationship Id="rId1" Type="http://schemas.openxmlformats.org/officeDocument/2006/relationships/slideLayout" Target="../slideLayouts/slideLayout12.xml"/><Relationship Id="rId6" Type="http://schemas.openxmlformats.org/officeDocument/2006/relationships/image" Target="../media/image77.png"/><Relationship Id="rId5" Type="http://schemas.openxmlformats.org/officeDocument/2006/relationships/image" Target="../media/image76.png"/><Relationship Id="rId4" Type="http://schemas.openxmlformats.org/officeDocument/2006/relationships/hyperlink" Target="https://aptaracorp.wistia.com/medias/o8y4agp9xc" TargetMode="Externa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3.xml.rels><?xml version="1.0" encoding="UTF-8" standalone="yes"?>
<Relationships xmlns="http://schemas.openxmlformats.org/package/2006/relationships"><Relationship Id="rId13" Type="http://schemas.openxmlformats.org/officeDocument/2006/relationships/image" Target="../media/image23.png"/><Relationship Id="rId18" Type="http://schemas.openxmlformats.org/officeDocument/2006/relationships/image" Target="../media/image28.png"/><Relationship Id="rId26" Type="http://schemas.openxmlformats.org/officeDocument/2006/relationships/image" Target="../media/image36.png"/><Relationship Id="rId3" Type="http://schemas.openxmlformats.org/officeDocument/2006/relationships/image" Target="../media/image6.png"/><Relationship Id="rId21" Type="http://schemas.openxmlformats.org/officeDocument/2006/relationships/image" Target="../media/image31.svg"/><Relationship Id="rId34" Type="http://schemas.openxmlformats.org/officeDocument/2006/relationships/image" Target="../media/image44.svg"/><Relationship Id="rId7" Type="http://schemas.openxmlformats.org/officeDocument/2006/relationships/image" Target="../media/image18.png"/><Relationship Id="rId12" Type="http://schemas.microsoft.com/office/2007/relationships/hdphoto" Target="../media/hdphoto2.wdp"/><Relationship Id="rId17" Type="http://schemas.openxmlformats.org/officeDocument/2006/relationships/image" Target="../media/image27.png"/><Relationship Id="rId25" Type="http://schemas.openxmlformats.org/officeDocument/2006/relationships/image" Target="../media/image35.png"/><Relationship Id="rId33" Type="http://schemas.openxmlformats.org/officeDocument/2006/relationships/image" Target="../media/image43.png"/><Relationship Id="rId2" Type="http://schemas.openxmlformats.org/officeDocument/2006/relationships/notesSlide" Target="../notesSlides/notesSlide3.xml"/><Relationship Id="rId16" Type="http://schemas.openxmlformats.org/officeDocument/2006/relationships/image" Target="../media/image26.png"/><Relationship Id="rId20" Type="http://schemas.openxmlformats.org/officeDocument/2006/relationships/image" Target="../media/image30.jpeg"/><Relationship Id="rId29" Type="http://schemas.openxmlformats.org/officeDocument/2006/relationships/image" Target="../media/image39.png"/><Relationship Id="rId1" Type="http://schemas.openxmlformats.org/officeDocument/2006/relationships/slideLayout" Target="../slideLayouts/slideLayout2.xml"/><Relationship Id="rId6" Type="http://schemas.openxmlformats.org/officeDocument/2006/relationships/image" Target="../media/image17.png"/><Relationship Id="rId11" Type="http://schemas.openxmlformats.org/officeDocument/2006/relationships/image" Target="../media/image22.png"/><Relationship Id="rId24" Type="http://schemas.openxmlformats.org/officeDocument/2006/relationships/image" Target="../media/image34.svg"/><Relationship Id="rId32" Type="http://schemas.openxmlformats.org/officeDocument/2006/relationships/image" Target="../media/image42.png"/><Relationship Id="rId5" Type="http://schemas.openxmlformats.org/officeDocument/2006/relationships/image" Target="../media/image16.png"/><Relationship Id="rId15" Type="http://schemas.openxmlformats.org/officeDocument/2006/relationships/image" Target="../media/image25.jpeg"/><Relationship Id="rId23" Type="http://schemas.openxmlformats.org/officeDocument/2006/relationships/image" Target="../media/image33.svg"/><Relationship Id="rId28" Type="http://schemas.openxmlformats.org/officeDocument/2006/relationships/image" Target="../media/image38.png"/><Relationship Id="rId10" Type="http://schemas.openxmlformats.org/officeDocument/2006/relationships/image" Target="../media/image21.png"/><Relationship Id="rId19" Type="http://schemas.openxmlformats.org/officeDocument/2006/relationships/image" Target="../media/image29.png"/><Relationship Id="rId31" Type="http://schemas.openxmlformats.org/officeDocument/2006/relationships/image" Target="../media/image41.png"/><Relationship Id="rId4" Type="http://schemas.openxmlformats.org/officeDocument/2006/relationships/image" Target="../media/image15.png"/><Relationship Id="rId9" Type="http://schemas.openxmlformats.org/officeDocument/2006/relationships/image" Target="../media/image20.png"/><Relationship Id="rId14" Type="http://schemas.openxmlformats.org/officeDocument/2006/relationships/image" Target="../media/image24.svg"/><Relationship Id="rId22" Type="http://schemas.openxmlformats.org/officeDocument/2006/relationships/image" Target="../media/image32.png"/><Relationship Id="rId27" Type="http://schemas.openxmlformats.org/officeDocument/2006/relationships/image" Target="../media/image37.svg"/><Relationship Id="rId30" Type="http://schemas.openxmlformats.org/officeDocument/2006/relationships/image" Target="../media/image40.svg"/><Relationship Id="rId8" Type="http://schemas.openxmlformats.org/officeDocument/2006/relationships/image" Target="../media/image19.png"/></Relationships>
</file>

<file path=ppt/slides/_rels/slide30.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3.xml"/><Relationship Id="rId1" Type="http://schemas.openxmlformats.org/officeDocument/2006/relationships/slideLayout" Target="../slideLayouts/slideLayout6.xml"/><Relationship Id="rId5" Type="http://schemas.openxmlformats.org/officeDocument/2006/relationships/image" Target="../media/image54.jpeg"/><Relationship Id="rId4" Type="http://schemas.openxmlformats.org/officeDocument/2006/relationships/hyperlink" Target="https://salesportal.aptaracorp.com/ProtectingOurPlanet/index.html" TargetMode="External"/></Relationships>
</file>

<file path=ppt/slides/_rels/slide31.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4.xml"/><Relationship Id="rId1" Type="http://schemas.openxmlformats.org/officeDocument/2006/relationships/slideLayout" Target="../slideLayouts/slideLayout6.xml"/><Relationship Id="rId5" Type="http://schemas.openxmlformats.org/officeDocument/2006/relationships/hyperlink" Target="https://salesportal.aptaracorp.com/COSM/PoC/story.html" TargetMode="External"/><Relationship Id="rId4" Type="http://schemas.openxmlformats.org/officeDocument/2006/relationships/image" Target="../media/image80.png"/></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33.xml.rels><?xml version="1.0" encoding="UTF-8" standalone="yes"?>
<Relationships xmlns="http://schemas.openxmlformats.org/package/2006/relationships"><Relationship Id="rId3" Type="http://schemas.openxmlformats.org/officeDocument/2006/relationships/hyperlink" Target="https://aptaracorp.wistia.com/medias/o8y4agp9xc" TargetMode="External"/><Relationship Id="rId7" Type="http://schemas.openxmlformats.org/officeDocument/2006/relationships/image" Target="../media/image84.png"/><Relationship Id="rId2" Type="http://schemas.openxmlformats.org/officeDocument/2006/relationships/image" Target="../media/image6.png"/><Relationship Id="rId1" Type="http://schemas.openxmlformats.org/officeDocument/2006/relationships/slideLayout" Target="../slideLayouts/slideLayout12.xml"/><Relationship Id="rId6" Type="http://schemas.openxmlformats.org/officeDocument/2006/relationships/image" Target="../media/image83.png"/><Relationship Id="rId5" Type="http://schemas.openxmlformats.org/officeDocument/2006/relationships/image" Target="../media/image82.png"/><Relationship Id="rId4" Type="http://schemas.openxmlformats.org/officeDocument/2006/relationships/image" Target="../media/image81.png"/></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35.xml.rels><?xml version="1.0" encoding="UTF-8" standalone="yes"?>
<Relationships xmlns="http://schemas.openxmlformats.org/package/2006/relationships"><Relationship Id="rId8" Type="http://schemas.openxmlformats.org/officeDocument/2006/relationships/image" Target="../media/image86.png"/><Relationship Id="rId3" Type="http://schemas.openxmlformats.org/officeDocument/2006/relationships/image" Target="../media/image6.png"/><Relationship Id="rId7" Type="http://schemas.openxmlformats.org/officeDocument/2006/relationships/image" Target="../media/image85.jpeg"/><Relationship Id="rId2" Type="http://schemas.openxmlformats.org/officeDocument/2006/relationships/notesSlide" Target="../notesSlides/notesSlide25.xml"/><Relationship Id="rId1" Type="http://schemas.openxmlformats.org/officeDocument/2006/relationships/slideLayout" Target="../slideLayouts/slideLayout2.xml"/><Relationship Id="rId6" Type="http://schemas.openxmlformats.org/officeDocument/2006/relationships/image" Target="../media/image42.png"/><Relationship Id="rId5" Type="http://schemas.openxmlformats.org/officeDocument/2006/relationships/image" Target="../media/image41.png"/><Relationship Id="rId4" Type="http://schemas.openxmlformats.org/officeDocument/2006/relationships/image" Target="../media/image37.svg"/></Relationships>
</file>

<file path=ppt/slides/_rels/slide36.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6.xml"/><Relationship Id="rId1" Type="http://schemas.openxmlformats.org/officeDocument/2006/relationships/slideLayout" Target="../slideLayouts/slideLayout2.xml"/><Relationship Id="rId4" Type="http://schemas.openxmlformats.org/officeDocument/2006/relationships/image" Target="../media/image87.svg"/></Relationships>
</file>

<file path=ppt/slides/_rels/slide37.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7.xml"/><Relationship Id="rId1" Type="http://schemas.openxmlformats.org/officeDocument/2006/relationships/slideLayout" Target="../slideLayouts/slideLayout2.xml"/><Relationship Id="rId4" Type="http://schemas.openxmlformats.org/officeDocument/2006/relationships/image" Target="../media/image88.jpeg"/></Relationships>
</file>

<file path=ppt/slides/_rels/slide38.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8.xml"/><Relationship Id="rId1" Type="http://schemas.openxmlformats.org/officeDocument/2006/relationships/slideLayout" Target="../slideLayouts/slideLayout2.xml"/><Relationship Id="rId5" Type="http://schemas.openxmlformats.org/officeDocument/2006/relationships/chart" Target="../charts/chart2.xml"/><Relationship Id="rId4" Type="http://schemas.openxmlformats.org/officeDocument/2006/relationships/chart" Target="../charts/chart1.xml"/></Relationships>
</file>

<file path=ppt/slides/_rels/slide39.xml.rels><?xml version="1.0" encoding="UTF-8" standalone="yes"?>
<Relationships xmlns="http://schemas.openxmlformats.org/package/2006/relationships"><Relationship Id="rId2" Type="http://schemas.openxmlformats.org/officeDocument/2006/relationships/image" Target="../media/image89.png"/><Relationship Id="rId1" Type="http://schemas.openxmlformats.org/officeDocument/2006/relationships/slideLayout" Target="../slideLayouts/slideLayout1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4.xml"/><Relationship Id="rId1" Type="http://schemas.openxmlformats.org/officeDocument/2006/relationships/slideLayout" Target="../slideLayouts/slideLayout2.xml"/><Relationship Id="rId4" Type="http://schemas.openxmlformats.org/officeDocument/2006/relationships/image" Target="../media/image45.jpeg"/></Relationships>
</file>

<file path=ppt/slides/_rels/slide6.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5.xml"/><Relationship Id="rId1" Type="http://schemas.openxmlformats.org/officeDocument/2006/relationships/slideLayout" Target="../slideLayouts/slideLayout2.xml"/><Relationship Id="rId6" Type="http://schemas.openxmlformats.org/officeDocument/2006/relationships/image" Target="../media/image46.png"/><Relationship Id="rId5" Type="http://schemas.openxmlformats.org/officeDocument/2006/relationships/hyperlink" Target="https://salesportal.aptaracorp.com/Aptara/Time_Management/Story.html" TargetMode="External"/><Relationship Id="rId4" Type="http://schemas.openxmlformats.org/officeDocument/2006/relationships/image" Target="../media/image45.jpeg"/></Relationships>
</file>

<file path=ppt/slides/_rels/slide7.xml.rels><?xml version="1.0" encoding="UTF-8" standalone="yes"?>
<Relationships xmlns="http://schemas.openxmlformats.org/package/2006/relationships"><Relationship Id="rId8" Type="http://schemas.openxmlformats.org/officeDocument/2006/relationships/image" Target="../media/image48.png"/><Relationship Id="rId3" Type="http://schemas.openxmlformats.org/officeDocument/2006/relationships/image" Target="../media/image6.png"/><Relationship Id="rId7" Type="http://schemas.openxmlformats.org/officeDocument/2006/relationships/image" Target="../media/image47.png"/><Relationship Id="rId2" Type="http://schemas.openxmlformats.org/officeDocument/2006/relationships/notesSlide" Target="../notesSlides/notesSlide6.xml"/><Relationship Id="rId1" Type="http://schemas.openxmlformats.org/officeDocument/2006/relationships/slideLayout" Target="../slideLayouts/slideLayout2.xml"/><Relationship Id="rId6" Type="http://schemas.openxmlformats.org/officeDocument/2006/relationships/hyperlink" Target="https://elearning.aptaracorp.com/AT&amp;T_2023/POC/understanding_5G_how_it_works_capability_responsive/content/index.html#/lessons/LiiKgofYGiYV3dw5k2lUrdnhKX0jR_qR" TargetMode="External"/><Relationship Id="rId5" Type="http://schemas.openxmlformats.org/officeDocument/2006/relationships/hyperlink" Target="https://elearning.aptaracorp.com/AT&amp;T_2023/POC/understanding_5g_how_works_why_it_matters_enhanced_guidelines/content/index.html" TargetMode="External"/><Relationship Id="rId10" Type="http://schemas.openxmlformats.org/officeDocument/2006/relationships/image" Target="../media/image50.png"/><Relationship Id="rId4" Type="http://schemas.openxmlformats.org/officeDocument/2006/relationships/hyperlink" Target="https://elearning.aptaracorp.com/AT&amp;T_2023/POC/understanding_5g_how_works_and_why_it_matters_ai_att_branded/content/index.html" TargetMode="External"/><Relationship Id="rId9" Type="http://schemas.openxmlformats.org/officeDocument/2006/relationships/image" Target="../media/image49.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9.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7.xml"/><Relationship Id="rId1" Type="http://schemas.openxmlformats.org/officeDocument/2006/relationships/slideLayout" Target="../slideLayouts/slideLayout2.xml"/><Relationship Id="rId6" Type="http://schemas.openxmlformats.org/officeDocument/2006/relationships/image" Target="../media/image42.png"/><Relationship Id="rId5" Type="http://schemas.openxmlformats.org/officeDocument/2006/relationships/image" Target="../media/image37.svg"/><Relationship Id="rId4" Type="http://schemas.openxmlformats.org/officeDocument/2006/relationships/image" Target="../media/image41.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2409BA8B-5FE8-1799-181C-45BBC4F4309D}"/>
              </a:ext>
            </a:extLst>
          </p:cNvPr>
          <p:cNvSpPr>
            <a:spLocks noGrp="1"/>
          </p:cNvSpPr>
          <p:nvPr>
            <p:ph type="ctrTitle"/>
          </p:nvPr>
        </p:nvSpPr>
        <p:spPr>
          <a:xfrm>
            <a:off x="1074420" y="2044783"/>
            <a:ext cx="6768318" cy="1898568"/>
          </a:xfrm>
        </p:spPr>
        <p:txBody>
          <a:bodyPr>
            <a:noAutofit/>
          </a:bodyPr>
          <a:lstStyle/>
          <a:p>
            <a:pPr>
              <a:lnSpc>
                <a:spcPct val="100000"/>
              </a:lnSpc>
            </a:pPr>
            <a:r>
              <a:rPr lang="en-IN" dirty="0" err="1">
                <a:solidFill>
                  <a:srgbClr val="0FDEFC"/>
                </a:solidFill>
                <a:effectLst/>
                <a:latin typeface="Poppins Light" panose="00000400000000000000" pitchFamily="2" charset="0"/>
                <a:ea typeface="Roboto Light" panose="02000000000000000000" pitchFamily="2" charset="0"/>
                <a:cs typeface="Poppins Light" panose="00000400000000000000" pitchFamily="2" charset="0"/>
              </a:rPr>
              <a:t>eXcellence</a:t>
            </a:r>
            <a:r>
              <a:rPr lang="en-IN" dirty="0">
                <a:solidFill>
                  <a:srgbClr val="0FDEFC"/>
                </a:solidFill>
                <a:effectLst/>
                <a:latin typeface="Poppins Light" panose="00000400000000000000" pitchFamily="2" charset="0"/>
                <a:ea typeface="Roboto Light" panose="02000000000000000000" pitchFamily="2" charset="0"/>
                <a:cs typeface="Poppins Light" panose="00000400000000000000" pitchFamily="2" charset="0"/>
              </a:rPr>
              <a:t> </a:t>
            </a:r>
            <a:br>
              <a:rPr lang="en-IN" dirty="0">
                <a:solidFill>
                  <a:srgbClr val="0FDEFC"/>
                </a:solidFill>
                <a:effectLst/>
                <a:latin typeface="Poppins Light" panose="00000400000000000000" pitchFamily="2" charset="0"/>
                <a:ea typeface="Roboto Light" panose="02000000000000000000" pitchFamily="2" charset="0"/>
                <a:cs typeface="Poppins Light" panose="00000400000000000000" pitchFamily="2" charset="0"/>
              </a:rPr>
            </a:br>
            <a:r>
              <a:rPr lang="en-IN" dirty="0">
                <a:solidFill>
                  <a:srgbClr val="0FDEFC"/>
                </a:solidFill>
                <a:effectLst/>
                <a:latin typeface="Poppins Light" panose="00000400000000000000" pitchFamily="2" charset="0"/>
                <a:ea typeface="Roboto Light" panose="02000000000000000000" pitchFamily="2" charset="0"/>
                <a:cs typeface="Poppins Light" panose="00000400000000000000" pitchFamily="2" charset="0"/>
              </a:rPr>
              <a:t>in AI Showcase</a:t>
            </a:r>
            <a:endParaRPr lang="en-IN" sz="1600" dirty="0">
              <a:solidFill>
                <a:schemeClr val="bg1"/>
              </a:solidFill>
              <a:effectLst/>
              <a:latin typeface="Poppins Light" panose="00000400000000000000" pitchFamily="2" charset="0"/>
              <a:ea typeface="Roboto Light" panose="02000000000000000000" pitchFamily="2" charset="0"/>
              <a:cs typeface="Poppins Light" panose="00000400000000000000" pitchFamily="2" charset="0"/>
            </a:endParaRPr>
          </a:p>
        </p:txBody>
      </p:sp>
      <p:sp>
        <p:nvSpPr>
          <p:cNvPr id="5" name="Subtitle 4">
            <a:extLst>
              <a:ext uri="{FF2B5EF4-FFF2-40B4-BE49-F238E27FC236}">
                <a16:creationId xmlns:a16="http://schemas.microsoft.com/office/drawing/2014/main" id="{BFAF6F44-71FD-E436-6D05-F51FF6806013}"/>
              </a:ext>
            </a:extLst>
          </p:cNvPr>
          <p:cNvSpPr>
            <a:spLocks noGrp="1"/>
          </p:cNvSpPr>
          <p:nvPr>
            <p:ph type="subTitle" idx="1"/>
          </p:nvPr>
        </p:nvSpPr>
        <p:spPr>
          <a:xfrm>
            <a:off x="1074420" y="3937317"/>
            <a:ext cx="1884680" cy="289786"/>
          </a:xfrm>
        </p:spPr>
        <p:txBody>
          <a:bodyPr>
            <a:noAutofit/>
          </a:bodyPr>
          <a:lstStyle/>
          <a:p>
            <a:pPr algn="l"/>
            <a:r>
              <a:rPr lang="en-IN" sz="1600" dirty="0">
                <a:solidFill>
                  <a:schemeClr val="bg1"/>
                </a:solidFill>
                <a:effectLst/>
                <a:ea typeface="Roboto SemiBold" panose="02000000000000000000" pitchFamily="2" charset="0"/>
              </a:rPr>
              <a:t>A presentation by</a:t>
            </a:r>
            <a:endParaRPr lang="en-IN" sz="1600" dirty="0">
              <a:solidFill>
                <a:schemeClr val="bg1"/>
              </a:solidFill>
              <a:ea typeface="Roboto SemiBold" panose="02000000000000000000" pitchFamily="2" charset="0"/>
            </a:endParaRPr>
          </a:p>
        </p:txBody>
      </p:sp>
      <p:pic>
        <p:nvPicPr>
          <p:cNvPr id="6" name="Picture 5" descr="A picture containing text, clipart&#10;&#10;Description automatically generated">
            <a:extLst>
              <a:ext uri="{FF2B5EF4-FFF2-40B4-BE49-F238E27FC236}">
                <a16:creationId xmlns:a16="http://schemas.microsoft.com/office/drawing/2014/main" id="{23165FCB-B031-6A1A-9CAE-945ABFF6C182}"/>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723341" y="3935320"/>
            <a:ext cx="965954" cy="289786"/>
          </a:xfrm>
          <a:prstGeom prst="rect">
            <a:avLst/>
          </a:prstGeom>
        </p:spPr>
      </p:pic>
      <p:sp>
        <p:nvSpPr>
          <p:cNvPr id="2" name="Rectangle 1">
            <a:extLst>
              <a:ext uri="{FF2B5EF4-FFF2-40B4-BE49-F238E27FC236}">
                <a16:creationId xmlns:a16="http://schemas.microsoft.com/office/drawing/2014/main" id="{C18B18F4-0C0A-0455-D2FB-E8436FB0B1D5}"/>
              </a:ext>
            </a:extLst>
          </p:cNvPr>
          <p:cNvSpPr/>
          <p:nvPr/>
        </p:nvSpPr>
        <p:spPr>
          <a:xfrm>
            <a:off x="1074420" y="4758742"/>
            <a:ext cx="4264408" cy="769441"/>
          </a:xfrm>
          <a:prstGeom prst="rect">
            <a:avLst/>
          </a:prstGeom>
        </p:spPr>
        <p:txBody>
          <a:bodyPr wrap="square" lIns="91440" tIns="45720" rIns="91440" bIns="45720" anchor="t">
            <a:spAutoFit/>
          </a:bodyPr>
          <a:lstStyle/>
          <a:p>
            <a:pPr>
              <a:defRPr/>
            </a:pPr>
            <a:r>
              <a:rPr lang="de-DE" sz="1100" b="1" dirty="0">
                <a:solidFill>
                  <a:schemeClr val="bg1"/>
                </a:solidFill>
                <a:latin typeface="Roboto SemiBold" panose="02000000000000000000" pitchFamily="2" charset="0"/>
                <a:ea typeface="Roboto SemiBold" panose="02000000000000000000" pitchFamily="2" charset="0"/>
                <a:cs typeface="+mn-lt"/>
              </a:rPr>
              <a:t>Daren Harber </a:t>
            </a:r>
          </a:p>
          <a:p>
            <a:pPr>
              <a:defRPr/>
            </a:pPr>
            <a:r>
              <a:rPr lang="de-DE" sz="1100" b="1" dirty="0">
                <a:solidFill>
                  <a:schemeClr val="bg1"/>
                </a:solidFill>
                <a:latin typeface="Roboto SemiBold" panose="02000000000000000000" pitchFamily="2" charset="0"/>
                <a:ea typeface="Roboto SemiBold" panose="02000000000000000000" pitchFamily="2" charset="0"/>
                <a:cs typeface="+mn-lt"/>
              </a:rPr>
              <a:t>Sr. VP, Managed Services </a:t>
            </a:r>
          </a:p>
          <a:p>
            <a:pPr>
              <a:defRPr/>
            </a:pPr>
            <a:r>
              <a:rPr lang="de-DE" sz="1100" b="1" dirty="0">
                <a:solidFill>
                  <a:schemeClr val="bg1"/>
                </a:solidFill>
                <a:latin typeface="Roboto SemiBold" panose="02000000000000000000" pitchFamily="2" charset="0"/>
                <a:ea typeface="Roboto SemiBold" panose="02000000000000000000" pitchFamily="2" charset="0"/>
                <a:cs typeface="+mn-lt"/>
                <a:hlinkClick r:id="rId4">
                  <a:extLst>
                    <a:ext uri="{A12FA001-AC4F-418D-AE19-62706E023703}">
                      <ahyp:hlinkClr xmlns:ahyp="http://schemas.microsoft.com/office/drawing/2018/hyperlinkcolor" val="tx"/>
                    </a:ext>
                  </a:extLst>
                </a:hlinkClick>
              </a:rPr>
              <a:t>Daren.Harber@aptaracorp.com</a:t>
            </a:r>
            <a:endParaRPr lang="de-DE" sz="1100" b="1" dirty="0">
              <a:solidFill>
                <a:schemeClr val="bg1"/>
              </a:solidFill>
              <a:latin typeface="Roboto SemiBold" panose="02000000000000000000" pitchFamily="2" charset="0"/>
              <a:ea typeface="Roboto SemiBold" panose="02000000000000000000" pitchFamily="2" charset="0"/>
              <a:cs typeface="+mn-lt"/>
            </a:endParaRPr>
          </a:p>
          <a:p>
            <a:pPr>
              <a:defRPr/>
            </a:pPr>
            <a:r>
              <a:rPr lang="de-DE" sz="1100" b="1" dirty="0">
                <a:solidFill>
                  <a:schemeClr val="bg1"/>
                </a:solidFill>
                <a:latin typeface="Roboto SemiBold" panose="02000000000000000000" pitchFamily="2" charset="0"/>
                <a:ea typeface="Roboto SemiBold" panose="02000000000000000000" pitchFamily="2" charset="0"/>
                <a:cs typeface="+mn-lt"/>
              </a:rPr>
              <a:t>+1.703.389.5524</a:t>
            </a:r>
            <a:endParaRPr lang="en-US" sz="1100" b="1" dirty="0">
              <a:solidFill>
                <a:schemeClr val="bg1"/>
              </a:solidFill>
              <a:latin typeface="Roboto SemiBold" panose="02000000000000000000" pitchFamily="2" charset="0"/>
              <a:ea typeface="Roboto SemiBold" panose="02000000000000000000" pitchFamily="2" charset="0"/>
              <a:cs typeface="Roboto"/>
            </a:endParaRPr>
          </a:p>
        </p:txBody>
      </p:sp>
      <p:sp>
        <p:nvSpPr>
          <p:cNvPr id="3" name="Subtitle 4">
            <a:extLst>
              <a:ext uri="{FF2B5EF4-FFF2-40B4-BE49-F238E27FC236}">
                <a16:creationId xmlns:a16="http://schemas.microsoft.com/office/drawing/2014/main" id="{14AA5067-D371-D371-3983-C1AD0DBBD651}"/>
              </a:ext>
            </a:extLst>
          </p:cNvPr>
          <p:cNvSpPr txBox="1">
            <a:spLocks/>
          </p:cNvSpPr>
          <p:nvPr/>
        </p:nvSpPr>
        <p:spPr>
          <a:xfrm>
            <a:off x="9894570" y="5960969"/>
            <a:ext cx="1630680" cy="289786"/>
          </a:xfrm>
          <a:prstGeom prst="rect">
            <a:avLst/>
          </a:prstGeom>
        </p:spPr>
        <p:txBody>
          <a:bodyPr vert="horz" lIns="91440" tIns="45720" rIns="91440" bIns="45720" rtlCol="0">
            <a:normAutofit/>
          </a:bodyPr>
          <a:lstStyle>
            <a:lvl1pPr marL="0" indent="0" algn="r" defTabSz="914400" rtl="0" eaLnBrk="1" latinLnBrk="0" hangingPunct="1">
              <a:lnSpc>
                <a:spcPct val="90000"/>
              </a:lnSpc>
              <a:spcBef>
                <a:spcPts val="1000"/>
              </a:spcBef>
              <a:buClr>
                <a:srgbClr val="BE3455"/>
              </a:buClr>
              <a:buFont typeface="Arial" panose="020B0604020202020204" pitchFamily="34" charset="0"/>
              <a:buNone/>
              <a:defRPr sz="1400" kern="1200">
                <a:solidFill>
                  <a:schemeClr val="bg1"/>
                </a:solidFill>
                <a:latin typeface="Raleway" panose="020B0003030101060003" pitchFamily="34" charset="0"/>
                <a:ea typeface="+mn-ea"/>
                <a:cs typeface="+mn-cs"/>
              </a:defRPr>
            </a:lvl1pPr>
            <a:lvl2pPr marL="457200" indent="0" algn="ctr" defTabSz="914400" rtl="0" eaLnBrk="1" latinLnBrk="0" hangingPunct="1">
              <a:lnSpc>
                <a:spcPct val="90000"/>
              </a:lnSpc>
              <a:spcBef>
                <a:spcPts val="500"/>
              </a:spcBef>
              <a:buClr>
                <a:srgbClr val="BE3455"/>
              </a:buClr>
              <a:buFont typeface="Arial" panose="020B0604020202020204" pitchFamily="34" charset="0"/>
              <a:buNone/>
              <a:defRPr sz="2000" kern="1200">
                <a:solidFill>
                  <a:schemeClr val="tx1">
                    <a:lumMod val="85000"/>
                    <a:lumOff val="15000"/>
                  </a:schemeClr>
                </a:solidFill>
                <a:latin typeface="Raleway" panose="020B0003030101060003" pitchFamily="34" charset="0"/>
                <a:ea typeface="+mn-ea"/>
                <a:cs typeface="+mn-cs"/>
              </a:defRPr>
            </a:lvl2pPr>
            <a:lvl3pPr marL="914400" indent="0" algn="ctr" defTabSz="914400" rtl="0" eaLnBrk="1" latinLnBrk="0" hangingPunct="1">
              <a:lnSpc>
                <a:spcPct val="90000"/>
              </a:lnSpc>
              <a:spcBef>
                <a:spcPts val="500"/>
              </a:spcBef>
              <a:buClr>
                <a:srgbClr val="BE3455"/>
              </a:buClr>
              <a:buFont typeface="Arial" panose="020B0604020202020204" pitchFamily="34" charset="0"/>
              <a:buNone/>
              <a:defRPr sz="1800" kern="1200">
                <a:solidFill>
                  <a:schemeClr val="tx1">
                    <a:lumMod val="85000"/>
                    <a:lumOff val="15000"/>
                  </a:schemeClr>
                </a:solidFill>
                <a:latin typeface="Raleway" panose="020B0003030101060003" pitchFamily="34" charset="0"/>
                <a:ea typeface="+mn-ea"/>
                <a:cs typeface="+mn-cs"/>
              </a:defRPr>
            </a:lvl3pPr>
            <a:lvl4pPr marL="1371600" indent="0" algn="ctr" defTabSz="914400" rtl="0" eaLnBrk="1" latinLnBrk="0" hangingPunct="1">
              <a:lnSpc>
                <a:spcPct val="90000"/>
              </a:lnSpc>
              <a:spcBef>
                <a:spcPts val="500"/>
              </a:spcBef>
              <a:buClr>
                <a:srgbClr val="BE3455"/>
              </a:buClr>
              <a:buFont typeface="Arial" panose="020B0604020202020204" pitchFamily="34" charset="0"/>
              <a:buNone/>
              <a:defRPr sz="1600" kern="1200">
                <a:solidFill>
                  <a:schemeClr val="tx1">
                    <a:lumMod val="85000"/>
                    <a:lumOff val="15000"/>
                  </a:schemeClr>
                </a:solidFill>
                <a:latin typeface="Raleway" panose="020B0003030101060003" pitchFamily="34" charset="0"/>
                <a:ea typeface="+mn-ea"/>
                <a:cs typeface="+mn-cs"/>
              </a:defRPr>
            </a:lvl4pPr>
            <a:lvl5pPr marL="1828800" indent="0" algn="ctr" defTabSz="914400" rtl="0" eaLnBrk="1" latinLnBrk="0" hangingPunct="1">
              <a:lnSpc>
                <a:spcPct val="90000"/>
              </a:lnSpc>
              <a:spcBef>
                <a:spcPts val="500"/>
              </a:spcBef>
              <a:buClr>
                <a:srgbClr val="BE3455"/>
              </a:buClr>
              <a:buFont typeface="Arial" panose="020B0604020202020204" pitchFamily="34" charset="0"/>
              <a:buNone/>
              <a:defRPr sz="1600" kern="1200">
                <a:solidFill>
                  <a:schemeClr val="tx1">
                    <a:lumMod val="85000"/>
                    <a:lumOff val="15000"/>
                  </a:schemeClr>
                </a:solidFill>
                <a:latin typeface="Raleway" panose="020B0003030101060003" pitchFamily="34" charset="0"/>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r>
              <a:rPr lang="en-IN" sz="1200" dirty="0">
                <a:latin typeface="Poppins SemiBold" panose="00000700000000000000" pitchFamily="2" charset="0"/>
                <a:ea typeface="Roboto Light" panose="02000000000000000000" pitchFamily="2" charset="0"/>
              </a:rPr>
              <a:t>April 2026</a:t>
            </a:r>
            <a:endParaRPr lang="en-IN" sz="1200" dirty="0">
              <a:latin typeface="Roboto SemiBold" panose="02000000000000000000" pitchFamily="2" charset="0"/>
              <a:ea typeface="Roboto SemiBold" panose="02000000000000000000" pitchFamily="2" charset="0"/>
            </a:endParaRPr>
          </a:p>
        </p:txBody>
      </p:sp>
    </p:spTree>
    <p:extLst>
      <p:ext uri="{BB962C8B-B14F-4D97-AF65-F5344CB8AC3E}">
        <p14:creationId xmlns:p14="http://schemas.microsoft.com/office/powerpoint/2010/main" val="437657425"/>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4D69C83-F316-789F-3002-49126039E79F}"/>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D0EB6919-4EC5-B062-54AC-5197A2D4B5A4}"/>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4DC8ABF9-5A73-EEE7-372B-8E79C7AD64F1}"/>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5F5B427D-0167-809B-2433-2E07924F25DD}"/>
              </a:ext>
            </a:extLst>
          </p:cNvPr>
          <p:cNvSpPr>
            <a:spLocks noGrp="1"/>
          </p:cNvSpPr>
          <p:nvPr>
            <p:ph type="title"/>
          </p:nvPr>
        </p:nvSpPr>
        <p:spPr/>
        <p:txBody>
          <a:bodyPr>
            <a:normAutofit/>
          </a:bodyPr>
          <a:lstStyle/>
          <a:p>
            <a:r>
              <a:rPr lang="en-US" dirty="0">
                <a:solidFill>
                  <a:schemeClr val="bg1"/>
                </a:solidFill>
                <a:ea typeface="Roboto SemiBold" panose="02000000000000000000" pitchFamily="2" charset="0"/>
                <a:cs typeface="Roboto"/>
              </a:rPr>
              <a:t>How AI Video Tools Fast-track Development </a:t>
            </a:r>
          </a:p>
        </p:txBody>
      </p:sp>
      <p:sp>
        <p:nvSpPr>
          <p:cNvPr id="21" name="Content Placeholder 20">
            <a:extLst>
              <a:ext uri="{FF2B5EF4-FFF2-40B4-BE49-F238E27FC236}">
                <a16:creationId xmlns:a16="http://schemas.microsoft.com/office/drawing/2014/main" id="{7F43433C-48CF-66D5-70E4-3C671C4442F8}"/>
              </a:ext>
            </a:extLst>
          </p:cNvPr>
          <p:cNvSpPr>
            <a:spLocks noGrp="1"/>
          </p:cNvSpPr>
          <p:nvPr>
            <p:ph idx="1"/>
          </p:nvPr>
        </p:nvSpPr>
        <p:spPr>
          <a:xfrm>
            <a:off x="446940" y="1765780"/>
            <a:ext cx="4993162" cy="294973"/>
          </a:xfrm>
        </p:spPr>
        <p:txBody>
          <a:bodyPr>
            <a:noAutofit/>
          </a:bodyPr>
          <a:lstStyle/>
          <a:p>
            <a:pPr marL="0" indent="0">
              <a:lnSpc>
                <a:spcPct val="100000"/>
              </a:lnSpc>
              <a:buNone/>
            </a:pPr>
            <a:r>
              <a:rPr lang="en-US" sz="1400" b="1" dirty="0">
                <a:ea typeface="Roboto SemiBold" panose="02000000000000000000" pitchFamily="2" charset="0"/>
              </a:rPr>
              <a:t>Replace Multiple Tools</a:t>
            </a:r>
            <a:endParaRPr lang="en-IN" sz="1400" b="1" dirty="0">
              <a:ea typeface="Roboto SemiBold" panose="02000000000000000000" pitchFamily="2" charset="0"/>
            </a:endParaRPr>
          </a:p>
        </p:txBody>
      </p:sp>
      <p:graphicFrame>
        <p:nvGraphicFramePr>
          <p:cNvPr id="2" name="Table 1">
            <a:extLst>
              <a:ext uri="{FF2B5EF4-FFF2-40B4-BE49-F238E27FC236}">
                <a16:creationId xmlns:a16="http://schemas.microsoft.com/office/drawing/2014/main" id="{410AB00D-7898-B964-3BC9-70E85CC08BD2}"/>
              </a:ext>
            </a:extLst>
          </p:cNvPr>
          <p:cNvGraphicFramePr>
            <a:graphicFrameLocks noGrp="1"/>
          </p:cNvGraphicFramePr>
          <p:nvPr>
            <p:extLst>
              <p:ext uri="{D42A27DB-BD31-4B8C-83A1-F6EECF244321}">
                <p14:modId xmlns:p14="http://schemas.microsoft.com/office/powerpoint/2010/main" val="52531035"/>
              </p:ext>
            </p:extLst>
          </p:nvPr>
        </p:nvGraphicFramePr>
        <p:xfrm>
          <a:off x="534250" y="2146059"/>
          <a:ext cx="5388942" cy="1036320"/>
        </p:xfrm>
        <a:graphic>
          <a:graphicData uri="http://schemas.openxmlformats.org/drawingml/2006/table">
            <a:tbl>
              <a:tblPr firstRow="1" bandRow="1">
                <a:tableStyleId>{69012ECD-51FC-41F1-AA8D-1B2483CD663E}</a:tableStyleId>
              </a:tblPr>
              <a:tblGrid>
                <a:gridCol w="2694471">
                  <a:extLst>
                    <a:ext uri="{9D8B030D-6E8A-4147-A177-3AD203B41FA5}">
                      <a16:colId xmlns:a16="http://schemas.microsoft.com/office/drawing/2014/main" val="4247742748"/>
                    </a:ext>
                  </a:extLst>
                </a:gridCol>
                <a:gridCol w="2694471">
                  <a:extLst>
                    <a:ext uri="{9D8B030D-6E8A-4147-A177-3AD203B41FA5}">
                      <a16:colId xmlns:a16="http://schemas.microsoft.com/office/drawing/2014/main" val="1593158464"/>
                    </a:ext>
                  </a:extLst>
                </a:gridCol>
              </a:tblGrid>
              <a:tr h="290791">
                <a:tc>
                  <a:txBody>
                    <a:bodyPr/>
                    <a:lstStyle/>
                    <a:p>
                      <a:r>
                        <a:rPr lang="en-US" sz="1400" b="1" kern="1200" dirty="0">
                          <a:solidFill>
                            <a:schemeClr val="bg1"/>
                          </a:solidFill>
                          <a:latin typeface="Roboto SemiBold" panose="02000000000000000000" pitchFamily="2" charset="0"/>
                          <a:ea typeface="Roboto SemiBold" panose="02000000000000000000" pitchFamily="2" charset="0"/>
                          <a:cs typeface="+mn-cs"/>
                        </a:rPr>
                        <a:t>Traditional </a:t>
                      </a:r>
                    </a:p>
                  </a:txBody>
                  <a:tcPr>
                    <a:solidFill>
                      <a:srgbClr val="5B3AD4"/>
                    </a:solidFill>
                  </a:tcPr>
                </a:tc>
                <a:tc>
                  <a:txBody>
                    <a:bodyPr/>
                    <a:lstStyle/>
                    <a:p>
                      <a:pPr marL="0" algn="l" defTabSz="914400" rtl="0" eaLnBrk="1" latinLnBrk="0" hangingPunct="1"/>
                      <a:r>
                        <a:rPr lang="en-US" sz="1400" b="1" kern="1200" dirty="0">
                          <a:solidFill>
                            <a:schemeClr val="bg1"/>
                          </a:solidFill>
                          <a:latin typeface="Roboto SemiBold" panose="02000000000000000000" pitchFamily="2" charset="0"/>
                          <a:ea typeface="Roboto SemiBold" panose="02000000000000000000" pitchFamily="2" charset="0"/>
                          <a:cs typeface="+mn-cs"/>
                        </a:rPr>
                        <a:t>With AI Videos</a:t>
                      </a:r>
                    </a:p>
                  </a:txBody>
                  <a:tcPr>
                    <a:solidFill>
                      <a:srgbClr val="5B3AD4"/>
                    </a:solidFill>
                  </a:tcPr>
                </a:tc>
                <a:extLst>
                  <a:ext uri="{0D108BD9-81ED-4DB2-BD59-A6C34878D82A}">
                    <a16:rowId xmlns:a16="http://schemas.microsoft.com/office/drawing/2014/main" val="151064111"/>
                  </a:ext>
                </a:extLst>
              </a:tr>
              <a:tr h="370840">
                <a:tc>
                  <a:txBody>
                    <a:bodyPr/>
                    <a:lstStyle/>
                    <a:p>
                      <a:r>
                        <a:rPr lang="en-US" sz="1400" kern="1200" dirty="0">
                          <a:solidFill>
                            <a:schemeClr val="tx1">
                              <a:lumMod val="85000"/>
                              <a:lumOff val="15000"/>
                            </a:schemeClr>
                          </a:solidFill>
                          <a:latin typeface="Roboto SemiBold" panose="02000000000000000000" pitchFamily="2" charset="0"/>
                          <a:ea typeface="Roboto SemiBold" panose="02000000000000000000" pitchFamily="2" charset="0"/>
                          <a:cs typeface="+mn-cs"/>
                        </a:rPr>
                        <a:t>PowerPoint + Articulate Storyline + video production + LMS interactions</a:t>
                      </a:r>
                    </a:p>
                  </a:txBody>
                  <a:tcPr/>
                </a:tc>
                <a:tc>
                  <a:txBody>
                    <a:bodyPr/>
                    <a:lstStyle/>
                    <a:p>
                      <a:r>
                        <a:rPr lang="en-US" sz="1400" kern="1200" dirty="0">
                          <a:solidFill>
                            <a:schemeClr val="tx1">
                              <a:lumMod val="85000"/>
                              <a:lumOff val="15000"/>
                            </a:schemeClr>
                          </a:solidFill>
                          <a:latin typeface="Roboto SemiBold" panose="02000000000000000000" pitchFamily="2" charset="0"/>
                          <a:ea typeface="Roboto SemiBold" panose="02000000000000000000" pitchFamily="2" charset="0"/>
                          <a:cs typeface="+mn-cs"/>
                        </a:rPr>
                        <a:t>Single platform handles video + interactivity + localization</a:t>
                      </a:r>
                    </a:p>
                  </a:txBody>
                  <a:tcPr/>
                </a:tc>
                <a:extLst>
                  <a:ext uri="{0D108BD9-81ED-4DB2-BD59-A6C34878D82A}">
                    <a16:rowId xmlns:a16="http://schemas.microsoft.com/office/drawing/2014/main" val="2618876840"/>
                  </a:ext>
                </a:extLst>
              </a:tr>
            </a:tbl>
          </a:graphicData>
        </a:graphic>
      </p:graphicFrame>
      <p:sp>
        <p:nvSpPr>
          <p:cNvPr id="4" name="Content Placeholder 20">
            <a:extLst>
              <a:ext uri="{FF2B5EF4-FFF2-40B4-BE49-F238E27FC236}">
                <a16:creationId xmlns:a16="http://schemas.microsoft.com/office/drawing/2014/main" id="{D2F6249F-176C-875C-146E-39FA1815B3DD}"/>
              </a:ext>
            </a:extLst>
          </p:cNvPr>
          <p:cNvSpPr txBox="1">
            <a:spLocks/>
          </p:cNvSpPr>
          <p:nvPr/>
        </p:nvSpPr>
        <p:spPr>
          <a:xfrm>
            <a:off x="446939" y="4151094"/>
            <a:ext cx="5317253" cy="61207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Font typeface="Arial" panose="020B0604020202020204" pitchFamily="34" charset="0"/>
              <a:buNone/>
            </a:pPr>
            <a:r>
              <a:rPr lang="en-US" sz="1400" b="1" dirty="0">
                <a:latin typeface="Roboto SemiBold" panose="02000000000000000000" pitchFamily="2" charset="0"/>
                <a:ea typeface="Roboto SemiBold" panose="02000000000000000000" pitchFamily="2" charset="0"/>
              </a:rPr>
              <a:t>Reduce Production Cost</a:t>
            </a:r>
            <a:endParaRPr lang="en-IN" sz="1400" b="1" dirty="0">
              <a:latin typeface="Roboto SemiBold" panose="02000000000000000000" pitchFamily="2" charset="0"/>
              <a:ea typeface="Roboto SemiBold" panose="02000000000000000000" pitchFamily="2" charset="0"/>
            </a:endParaRPr>
          </a:p>
        </p:txBody>
      </p:sp>
      <p:graphicFrame>
        <p:nvGraphicFramePr>
          <p:cNvPr id="5" name="Table 4">
            <a:extLst>
              <a:ext uri="{FF2B5EF4-FFF2-40B4-BE49-F238E27FC236}">
                <a16:creationId xmlns:a16="http://schemas.microsoft.com/office/drawing/2014/main" id="{D6F0CB01-FDD5-DE56-E8CD-CE199E43A2EC}"/>
              </a:ext>
            </a:extLst>
          </p:cNvPr>
          <p:cNvGraphicFramePr>
            <a:graphicFrameLocks noGrp="1"/>
          </p:cNvGraphicFramePr>
          <p:nvPr>
            <p:extLst>
              <p:ext uri="{D42A27DB-BD31-4B8C-83A1-F6EECF244321}">
                <p14:modId xmlns:p14="http://schemas.microsoft.com/office/powerpoint/2010/main" val="436461386"/>
              </p:ext>
            </p:extLst>
          </p:nvPr>
        </p:nvGraphicFramePr>
        <p:xfrm>
          <a:off x="534250" y="4512804"/>
          <a:ext cx="5388942" cy="1046000"/>
        </p:xfrm>
        <a:graphic>
          <a:graphicData uri="http://schemas.openxmlformats.org/drawingml/2006/table">
            <a:tbl>
              <a:tblPr firstRow="1" bandRow="1">
                <a:tableStyleId>{69012ECD-51FC-41F1-AA8D-1B2483CD663E}</a:tableStyleId>
              </a:tblPr>
              <a:tblGrid>
                <a:gridCol w="2694471">
                  <a:extLst>
                    <a:ext uri="{9D8B030D-6E8A-4147-A177-3AD203B41FA5}">
                      <a16:colId xmlns:a16="http://schemas.microsoft.com/office/drawing/2014/main" val="4247742748"/>
                    </a:ext>
                  </a:extLst>
                </a:gridCol>
                <a:gridCol w="2694471">
                  <a:extLst>
                    <a:ext uri="{9D8B030D-6E8A-4147-A177-3AD203B41FA5}">
                      <a16:colId xmlns:a16="http://schemas.microsoft.com/office/drawing/2014/main" val="1593158464"/>
                    </a:ext>
                  </a:extLst>
                </a:gridCol>
              </a:tblGrid>
              <a:tr h="314480">
                <a:tc>
                  <a:txBody>
                    <a:bodyPr/>
                    <a:lstStyle/>
                    <a:p>
                      <a:r>
                        <a:rPr lang="en-US" sz="1400" b="1" kern="1200" dirty="0">
                          <a:solidFill>
                            <a:schemeClr val="bg1"/>
                          </a:solidFill>
                          <a:latin typeface="Roboto SemiBold" panose="02000000000000000000" pitchFamily="2" charset="0"/>
                          <a:ea typeface="Roboto SemiBold" panose="02000000000000000000" pitchFamily="2" charset="0"/>
                          <a:cs typeface="+mn-cs"/>
                        </a:rPr>
                        <a:t>Traditional </a:t>
                      </a:r>
                    </a:p>
                  </a:txBody>
                  <a:tcPr>
                    <a:solidFill>
                      <a:srgbClr val="5B3AD4"/>
                    </a:solidFill>
                  </a:tcPr>
                </a:tc>
                <a:tc>
                  <a:txBody>
                    <a:bodyPr/>
                    <a:lstStyle/>
                    <a:p>
                      <a:pPr marL="0" algn="l" defTabSz="914400" rtl="0" eaLnBrk="1" latinLnBrk="0" hangingPunct="1"/>
                      <a:r>
                        <a:rPr lang="en-US" sz="1400" b="1" kern="1200" dirty="0">
                          <a:solidFill>
                            <a:schemeClr val="bg1"/>
                          </a:solidFill>
                          <a:latin typeface="Roboto SemiBold" panose="02000000000000000000" pitchFamily="2" charset="0"/>
                          <a:ea typeface="Roboto SemiBold" panose="02000000000000000000" pitchFamily="2" charset="0"/>
                          <a:cs typeface="+mn-cs"/>
                        </a:rPr>
                        <a:t>With AI Videos</a:t>
                      </a:r>
                    </a:p>
                  </a:txBody>
                  <a:tcPr>
                    <a:solidFill>
                      <a:srgbClr val="5B3AD4"/>
                    </a:solidFill>
                  </a:tcPr>
                </a:tc>
                <a:extLst>
                  <a:ext uri="{0D108BD9-81ED-4DB2-BD59-A6C34878D82A}">
                    <a16:rowId xmlns:a16="http://schemas.microsoft.com/office/drawing/2014/main" val="151064111"/>
                  </a:ext>
                </a:extLst>
              </a:tr>
              <a:tr h="370840">
                <a:tc>
                  <a:txBody>
                    <a:bodyPr/>
                    <a:lstStyle/>
                    <a:p>
                      <a:r>
                        <a:rPr lang="en-US" sz="1400" kern="1200" dirty="0">
                          <a:solidFill>
                            <a:schemeClr val="tx1">
                              <a:lumMod val="85000"/>
                              <a:lumOff val="15000"/>
                            </a:schemeClr>
                          </a:solidFill>
                          <a:latin typeface="Roboto SemiBold" panose="02000000000000000000" pitchFamily="2" charset="0"/>
                          <a:ea typeface="Roboto SemiBold" panose="02000000000000000000" pitchFamily="2" charset="0"/>
                          <a:cs typeface="+mn-cs"/>
                        </a:rPr>
                        <a:t>Studio setup + actors or voiceover artists + video editing team</a:t>
                      </a:r>
                    </a:p>
                  </a:txBody>
                  <a:tcPr/>
                </a:tc>
                <a:tc>
                  <a:txBody>
                    <a:bodyPr/>
                    <a:lstStyle/>
                    <a:p>
                      <a:r>
                        <a:rPr lang="en-US" sz="1400" kern="1200" dirty="0">
                          <a:solidFill>
                            <a:schemeClr val="tx1">
                              <a:lumMod val="85000"/>
                              <a:lumOff val="15000"/>
                            </a:schemeClr>
                          </a:solidFill>
                          <a:latin typeface="Roboto SemiBold" panose="02000000000000000000" pitchFamily="2" charset="0"/>
                          <a:ea typeface="Roboto SemiBold" panose="02000000000000000000" pitchFamily="2" charset="0"/>
                          <a:cs typeface="+mn-cs"/>
                        </a:rPr>
                        <a:t>AI avatars + voice + editing</a:t>
                      </a:r>
                    </a:p>
                  </a:txBody>
                  <a:tcPr/>
                </a:tc>
                <a:extLst>
                  <a:ext uri="{0D108BD9-81ED-4DB2-BD59-A6C34878D82A}">
                    <a16:rowId xmlns:a16="http://schemas.microsoft.com/office/drawing/2014/main" val="2618876840"/>
                  </a:ext>
                </a:extLst>
              </a:tr>
            </a:tbl>
          </a:graphicData>
        </a:graphic>
      </p:graphicFrame>
      <p:sp>
        <p:nvSpPr>
          <p:cNvPr id="14" name="Content Placeholder 20">
            <a:extLst>
              <a:ext uri="{FF2B5EF4-FFF2-40B4-BE49-F238E27FC236}">
                <a16:creationId xmlns:a16="http://schemas.microsoft.com/office/drawing/2014/main" id="{DAC3EE16-4D1B-268B-A655-D98C1B23A9EB}"/>
              </a:ext>
            </a:extLst>
          </p:cNvPr>
          <p:cNvSpPr txBox="1">
            <a:spLocks/>
          </p:cNvSpPr>
          <p:nvPr/>
        </p:nvSpPr>
        <p:spPr>
          <a:xfrm>
            <a:off x="6106958" y="1765780"/>
            <a:ext cx="5561751" cy="294973"/>
          </a:xfrm>
          <a:prstGeom prst="rect">
            <a:avLst/>
          </a:prstGeom>
        </p:spPr>
        <p:txBody>
          <a:bodyPr vert="horz" lIns="91440" tIns="45720" rIns="91440" bIns="45720" rtlCol="0" anchor="t">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Font typeface="Arial" panose="020B0604020202020204" pitchFamily="34" charset="0"/>
              <a:buNone/>
            </a:pPr>
            <a:r>
              <a:rPr lang="en-US" sz="1400" b="1" dirty="0">
                <a:latin typeface="Roboto SemiBold" panose="02000000000000000000" pitchFamily="2" charset="0"/>
                <a:ea typeface="Roboto SemiBold" panose="02000000000000000000" pitchFamily="2" charset="0"/>
                <a:cs typeface="Roboto"/>
              </a:rPr>
              <a:t>Reduce Rework Effort</a:t>
            </a:r>
            <a:endParaRPr lang="en-IN" sz="1400" b="1" dirty="0">
              <a:latin typeface="Roboto SemiBold" panose="02000000000000000000" pitchFamily="2" charset="0"/>
              <a:ea typeface="Roboto SemiBold" panose="02000000000000000000" pitchFamily="2" charset="0"/>
            </a:endParaRPr>
          </a:p>
        </p:txBody>
      </p:sp>
      <p:graphicFrame>
        <p:nvGraphicFramePr>
          <p:cNvPr id="15" name="Table 14">
            <a:extLst>
              <a:ext uri="{FF2B5EF4-FFF2-40B4-BE49-F238E27FC236}">
                <a16:creationId xmlns:a16="http://schemas.microsoft.com/office/drawing/2014/main" id="{BB1A41CE-7822-1476-A1D8-8CAF0A9644BB}"/>
              </a:ext>
            </a:extLst>
          </p:cNvPr>
          <p:cNvGraphicFramePr>
            <a:graphicFrameLocks noGrp="1"/>
          </p:cNvGraphicFramePr>
          <p:nvPr>
            <p:extLst>
              <p:ext uri="{D42A27DB-BD31-4B8C-83A1-F6EECF244321}">
                <p14:modId xmlns:p14="http://schemas.microsoft.com/office/powerpoint/2010/main" val="4134628290"/>
              </p:ext>
            </p:extLst>
          </p:nvPr>
        </p:nvGraphicFramePr>
        <p:xfrm>
          <a:off x="6194269" y="2146059"/>
          <a:ext cx="5561750" cy="1036320"/>
        </p:xfrm>
        <a:graphic>
          <a:graphicData uri="http://schemas.openxmlformats.org/drawingml/2006/table">
            <a:tbl>
              <a:tblPr firstRow="1" bandRow="1">
                <a:tableStyleId>{69012ECD-51FC-41F1-AA8D-1B2483CD663E}</a:tableStyleId>
              </a:tblPr>
              <a:tblGrid>
                <a:gridCol w="2780875">
                  <a:extLst>
                    <a:ext uri="{9D8B030D-6E8A-4147-A177-3AD203B41FA5}">
                      <a16:colId xmlns:a16="http://schemas.microsoft.com/office/drawing/2014/main" val="4247742748"/>
                    </a:ext>
                  </a:extLst>
                </a:gridCol>
                <a:gridCol w="2780875">
                  <a:extLst>
                    <a:ext uri="{9D8B030D-6E8A-4147-A177-3AD203B41FA5}">
                      <a16:colId xmlns:a16="http://schemas.microsoft.com/office/drawing/2014/main" val="1593158464"/>
                    </a:ext>
                  </a:extLst>
                </a:gridCol>
              </a:tblGrid>
              <a:tr h="300074">
                <a:tc>
                  <a:txBody>
                    <a:bodyPr/>
                    <a:lstStyle/>
                    <a:p>
                      <a:r>
                        <a:rPr lang="en-US" sz="1400" b="1" kern="1200" dirty="0">
                          <a:solidFill>
                            <a:schemeClr val="bg1"/>
                          </a:solidFill>
                          <a:latin typeface="Roboto SemiBold" panose="02000000000000000000" pitchFamily="2" charset="0"/>
                          <a:ea typeface="Roboto SemiBold" panose="02000000000000000000" pitchFamily="2" charset="0"/>
                          <a:cs typeface="+mn-cs"/>
                        </a:rPr>
                        <a:t>Traditional </a:t>
                      </a:r>
                    </a:p>
                  </a:txBody>
                  <a:tcPr>
                    <a:solidFill>
                      <a:srgbClr val="5B3AD4"/>
                    </a:solidFill>
                  </a:tcPr>
                </a:tc>
                <a:tc>
                  <a:txBody>
                    <a:bodyPr/>
                    <a:lstStyle/>
                    <a:p>
                      <a:pPr marL="0" algn="l" defTabSz="914400" rtl="0" eaLnBrk="1" latinLnBrk="0" hangingPunct="1"/>
                      <a:r>
                        <a:rPr lang="en-US" sz="1400" b="1" kern="1200" dirty="0">
                          <a:solidFill>
                            <a:schemeClr val="bg1"/>
                          </a:solidFill>
                          <a:latin typeface="Roboto SemiBold" panose="02000000000000000000" pitchFamily="2" charset="0"/>
                          <a:ea typeface="Roboto SemiBold" panose="02000000000000000000" pitchFamily="2" charset="0"/>
                          <a:cs typeface="+mn-cs"/>
                        </a:rPr>
                        <a:t>With AI videos</a:t>
                      </a:r>
                    </a:p>
                  </a:txBody>
                  <a:tcPr>
                    <a:solidFill>
                      <a:srgbClr val="5B3AD4"/>
                    </a:solidFill>
                  </a:tcPr>
                </a:tc>
                <a:extLst>
                  <a:ext uri="{0D108BD9-81ED-4DB2-BD59-A6C34878D82A}">
                    <a16:rowId xmlns:a16="http://schemas.microsoft.com/office/drawing/2014/main" val="151064111"/>
                  </a:ext>
                </a:extLst>
              </a:tr>
              <a:tr h="370840">
                <a:tc>
                  <a:txBody>
                    <a:bodyPr/>
                    <a:lstStyle/>
                    <a:p>
                      <a:r>
                        <a:rPr lang="en-US" sz="1400" kern="1200" dirty="0">
                          <a:solidFill>
                            <a:schemeClr val="tx1">
                              <a:lumMod val="85000"/>
                              <a:lumOff val="15000"/>
                            </a:schemeClr>
                          </a:solidFill>
                          <a:latin typeface="Roboto SemiBold" panose="02000000000000000000" pitchFamily="2" charset="0"/>
                          <a:ea typeface="Roboto SemiBold" panose="02000000000000000000" pitchFamily="2" charset="0"/>
                          <a:cs typeface="+mn-cs"/>
                        </a:rPr>
                        <a:t>Any change → re-shoot + re-edit</a:t>
                      </a:r>
                    </a:p>
                  </a:txBody>
                  <a:tcPr/>
                </a:tc>
                <a:tc>
                  <a:txBody>
                    <a:bodyPr/>
                    <a:lstStyle/>
                    <a:p>
                      <a:r>
                        <a:rPr lang="en-US" sz="1400" kern="1200" dirty="0">
                          <a:solidFill>
                            <a:schemeClr val="tx1">
                              <a:lumMod val="85000"/>
                              <a:lumOff val="15000"/>
                            </a:schemeClr>
                          </a:solidFill>
                          <a:latin typeface="Roboto SemiBold" panose="02000000000000000000" pitchFamily="2" charset="0"/>
                          <a:ea typeface="Roboto SemiBold" panose="02000000000000000000" pitchFamily="2" charset="0"/>
                          <a:cs typeface="+mn-cs"/>
                        </a:rPr>
                        <a:t>Edit script → auto-update the video</a:t>
                      </a:r>
                    </a:p>
                    <a:p>
                      <a:endParaRPr lang="en-US" sz="1400" kern="1200" dirty="0">
                        <a:solidFill>
                          <a:schemeClr val="tx1">
                            <a:lumMod val="85000"/>
                            <a:lumOff val="15000"/>
                          </a:schemeClr>
                        </a:solidFill>
                        <a:latin typeface="Roboto SemiBold" panose="02000000000000000000" pitchFamily="2" charset="0"/>
                        <a:ea typeface="Roboto SemiBold" panose="02000000000000000000" pitchFamily="2" charset="0"/>
                        <a:cs typeface="+mn-cs"/>
                      </a:endParaRPr>
                    </a:p>
                  </a:txBody>
                  <a:tcPr/>
                </a:tc>
                <a:extLst>
                  <a:ext uri="{0D108BD9-81ED-4DB2-BD59-A6C34878D82A}">
                    <a16:rowId xmlns:a16="http://schemas.microsoft.com/office/drawing/2014/main" val="2618876840"/>
                  </a:ext>
                </a:extLst>
              </a:tr>
            </a:tbl>
          </a:graphicData>
        </a:graphic>
      </p:graphicFrame>
      <p:sp>
        <p:nvSpPr>
          <p:cNvPr id="17" name="Content Placeholder 20">
            <a:extLst>
              <a:ext uri="{FF2B5EF4-FFF2-40B4-BE49-F238E27FC236}">
                <a16:creationId xmlns:a16="http://schemas.microsoft.com/office/drawing/2014/main" id="{1473781C-C8E3-D417-D0B1-C5412D752821}"/>
              </a:ext>
            </a:extLst>
          </p:cNvPr>
          <p:cNvSpPr txBox="1">
            <a:spLocks/>
          </p:cNvSpPr>
          <p:nvPr/>
        </p:nvSpPr>
        <p:spPr>
          <a:xfrm>
            <a:off x="6106959" y="3315830"/>
            <a:ext cx="5561750" cy="29497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Font typeface="Arial" panose="020B0604020202020204" pitchFamily="34" charset="0"/>
              <a:buNone/>
            </a:pPr>
            <a:r>
              <a:rPr lang="en-US" sz="1400" dirty="0">
                <a:latin typeface="Roboto SemiBold" panose="02000000000000000000" pitchFamily="2" charset="0"/>
                <a:ea typeface="Roboto SemiBold" panose="02000000000000000000" pitchFamily="2" charset="0"/>
              </a:rPr>
              <a:t>Saves SME time and shorten production cycles</a:t>
            </a:r>
          </a:p>
        </p:txBody>
      </p:sp>
      <p:sp>
        <p:nvSpPr>
          <p:cNvPr id="18" name="Content Placeholder 20">
            <a:extLst>
              <a:ext uri="{FF2B5EF4-FFF2-40B4-BE49-F238E27FC236}">
                <a16:creationId xmlns:a16="http://schemas.microsoft.com/office/drawing/2014/main" id="{22342689-C2D4-5EC3-6CBB-83B8AF65F6DD}"/>
              </a:ext>
            </a:extLst>
          </p:cNvPr>
          <p:cNvSpPr txBox="1">
            <a:spLocks/>
          </p:cNvSpPr>
          <p:nvPr/>
        </p:nvSpPr>
        <p:spPr>
          <a:xfrm>
            <a:off x="6106959" y="4151094"/>
            <a:ext cx="5441328" cy="612073"/>
          </a:xfrm>
          <a:prstGeom prst="rect">
            <a:avLst/>
          </a:prstGeom>
        </p:spPr>
        <p:txBody>
          <a:bodyPr vert="horz" lIns="91440" tIns="45720" rIns="91440" bIns="45720" rtlCol="0" anchor="t">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Font typeface="Arial" panose="020B0604020202020204" pitchFamily="34" charset="0"/>
              <a:buNone/>
            </a:pPr>
            <a:r>
              <a:rPr lang="en-US" sz="1400" b="1" dirty="0">
                <a:latin typeface="Roboto SemiBold" panose="02000000000000000000" pitchFamily="2" charset="0"/>
                <a:ea typeface="Roboto SemiBold" panose="02000000000000000000" pitchFamily="2" charset="0"/>
                <a:cs typeface="Roboto"/>
              </a:rPr>
              <a:t>Reduce Localization Cost</a:t>
            </a:r>
            <a:endParaRPr lang="en-IN" sz="1400" b="1" dirty="0">
              <a:latin typeface="Roboto SemiBold" panose="02000000000000000000" pitchFamily="2" charset="0"/>
              <a:ea typeface="Roboto SemiBold" panose="02000000000000000000" pitchFamily="2" charset="0"/>
            </a:endParaRPr>
          </a:p>
        </p:txBody>
      </p:sp>
      <p:graphicFrame>
        <p:nvGraphicFramePr>
          <p:cNvPr id="19" name="Table 18">
            <a:extLst>
              <a:ext uri="{FF2B5EF4-FFF2-40B4-BE49-F238E27FC236}">
                <a16:creationId xmlns:a16="http://schemas.microsoft.com/office/drawing/2014/main" id="{F3F5D1EF-74C6-EFDA-8AFB-4255BFD3D9EC}"/>
              </a:ext>
            </a:extLst>
          </p:cNvPr>
          <p:cNvGraphicFramePr>
            <a:graphicFrameLocks noGrp="1"/>
          </p:cNvGraphicFramePr>
          <p:nvPr>
            <p:extLst>
              <p:ext uri="{D42A27DB-BD31-4B8C-83A1-F6EECF244321}">
                <p14:modId xmlns:p14="http://schemas.microsoft.com/office/powerpoint/2010/main" val="614634989"/>
              </p:ext>
            </p:extLst>
          </p:nvPr>
        </p:nvGraphicFramePr>
        <p:xfrm>
          <a:off x="6194269" y="4512804"/>
          <a:ext cx="5561750" cy="1050642"/>
        </p:xfrm>
        <a:graphic>
          <a:graphicData uri="http://schemas.openxmlformats.org/drawingml/2006/table">
            <a:tbl>
              <a:tblPr firstRow="1" bandRow="1">
                <a:tableStyleId>{69012ECD-51FC-41F1-AA8D-1B2483CD663E}</a:tableStyleId>
              </a:tblPr>
              <a:tblGrid>
                <a:gridCol w="2780875">
                  <a:extLst>
                    <a:ext uri="{9D8B030D-6E8A-4147-A177-3AD203B41FA5}">
                      <a16:colId xmlns:a16="http://schemas.microsoft.com/office/drawing/2014/main" val="4247742748"/>
                    </a:ext>
                  </a:extLst>
                </a:gridCol>
                <a:gridCol w="2780875">
                  <a:extLst>
                    <a:ext uri="{9D8B030D-6E8A-4147-A177-3AD203B41FA5}">
                      <a16:colId xmlns:a16="http://schemas.microsoft.com/office/drawing/2014/main" val="1593158464"/>
                    </a:ext>
                  </a:extLst>
                </a:gridCol>
              </a:tblGrid>
              <a:tr h="319122">
                <a:tc>
                  <a:txBody>
                    <a:bodyPr/>
                    <a:lstStyle/>
                    <a:p>
                      <a:r>
                        <a:rPr lang="en-US" sz="1400" b="1" kern="1200" dirty="0">
                          <a:solidFill>
                            <a:schemeClr val="bg1"/>
                          </a:solidFill>
                          <a:latin typeface="Roboto SemiBold" panose="02000000000000000000" pitchFamily="2" charset="0"/>
                          <a:ea typeface="Roboto SemiBold" panose="02000000000000000000" pitchFamily="2" charset="0"/>
                          <a:cs typeface="+mn-cs"/>
                        </a:rPr>
                        <a:t>Traditional </a:t>
                      </a:r>
                    </a:p>
                  </a:txBody>
                  <a:tcPr>
                    <a:solidFill>
                      <a:srgbClr val="5B3AD4"/>
                    </a:solidFill>
                  </a:tcPr>
                </a:tc>
                <a:tc>
                  <a:txBody>
                    <a:bodyPr/>
                    <a:lstStyle/>
                    <a:p>
                      <a:pPr marL="0" algn="l" defTabSz="914400" rtl="0" eaLnBrk="1" latinLnBrk="0" hangingPunct="1"/>
                      <a:r>
                        <a:rPr lang="en-US" sz="1400" b="1" kern="1200" dirty="0">
                          <a:solidFill>
                            <a:schemeClr val="bg1"/>
                          </a:solidFill>
                          <a:latin typeface="Roboto SemiBold" panose="02000000000000000000" pitchFamily="2" charset="0"/>
                          <a:ea typeface="Roboto SemiBold" panose="02000000000000000000" pitchFamily="2" charset="0"/>
                          <a:cs typeface="+mn-cs"/>
                        </a:rPr>
                        <a:t>With AI videos</a:t>
                      </a:r>
                    </a:p>
                  </a:txBody>
                  <a:tcPr>
                    <a:solidFill>
                      <a:srgbClr val="5B3AD4"/>
                    </a:solidFill>
                  </a:tcPr>
                </a:tc>
                <a:extLst>
                  <a:ext uri="{0D108BD9-81ED-4DB2-BD59-A6C34878D82A}">
                    <a16:rowId xmlns:a16="http://schemas.microsoft.com/office/drawing/2014/main" val="151064111"/>
                  </a:ext>
                </a:extLst>
              </a:tr>
              <a:tr h="370840">
                <a:tc>
                  <a:txBody>
                    <a:bodyPr/>
                    <a:lstStyle/>
                    <a:p>
                      <a:r>
                        <a:rPr lang="en-US" sz="1400" kern="1200" dirty="0">
                          <a:solidFill>
                            <a:schemeClr val="tx1">
                              <a:lumMod val="85000"/>
                              <a:lumOff val="15000"/>
                            </a:schemeClr>
                          </a:solidFill>
                          <a:latin typeface="Roboto SemiBold" panose="02000000000000000000" pitchFamily="2" charset="0"/>
                          <a:ea typeface="Roboto SemiBold" panose="02000000000000000000" pitchFamily="2" charset="0"/>
                          <a:cs typeface="+mn-cs"/>
                        </a:rPr>
                        <a:t>Build interactivity in LMS (Storyline, Captivate)</a:t>
                      </a:r>
                    </a:p>
                    <a:p>
                      <a:endParaRPr lang="en-US" sz="1400" kern="1200" dirty="0">
                        <a:solidFill>
                          <a:schemeClr val="tx1">
                            <a:lumMod val="85000"/>
                            <a:lumOff val="15000"/>
                          </a:schemeClr>
                        </a:solidFill>
                        <a:latin typeface="Roboto SemiBold" panose="02000000000000000000" pitchFamily="2" charset="0"/>
                        <a:ea typeface="Roboto SemiBold" panose="02000000000000000000" pitchFamily="2" charset="0"/>
                        <a:cs typeface="+mn-cs"/>
                      </a:endParaRPr>
                    </a:p>
                  </a:txBody>
                  <a:tcPr/>
                </a:tc>
                <a:tc>
                  <a:txBody>
                    <a:bodyPr/>
                    <a:lstStyle/>
                    <a:p>
                      <a:r>
                        <a:rPr lang="en-US" sz="1400" kern="1200" dirty="0">
                          <a:solidFill>
                            <a:schemeClr val="tx1">
                              <a:lumMod val="85000"/>
                              <a:lumOff val="15000"/>
                            </a:schemeClr>
                          </a:solidFill>
                          <a:latin typeface="Roboto SemiBold" panose="02000000000000000000" pitchFamily="2" charset="0"/>
                          <a:ea typeface="Roboto SemiBold" panose="02000000000000000000" pitchFamily="2" charset="0"/>
                          <a:cs typeface="+mn-cs"/>
                        </a:rPr>
                        <a:t>Interactivity inside video itself</a:t>
                      </a:r>
                    </a:p>
                  </a:txBody>
                  <a:tcPr/>
                </a:tc>
                <a:extLst>
                  <a:ext uri="{0D108BD9-81ED-4DB2-BD59-A6C34878D82A}">
                    <a16:rowId xmlns:a16="http://schemas.microsoft.com/office/drawing/2014/main" val="2618876840"/>
                  </a:ext>
                </a:extLst>
              </a:tr>
            </a:tbl>
          </a:graphicData>
        </a:graphic>
      </p:graphicFrame>
      <p:sp>
        <p:nvSpPr>
          <p:cNvPr id="20" name="Content Placeholder 20">
            <a:extLst>
              <a:ext uri="{FF2B5EF4-FFF2-40B4-BE49-F238E27FC236}">
                <a16:creationId xmlns:a16="http://schemas.microsoft.com/office/drawing/2014/main" id="{09AC2E39-0DDF-A3C4-A72F-06D0B72B76D8}"/>
              </a:ext>
            </a:extLst>
          </p:cNvPr>
          <p:cNvSpPr txBox="1">
            <a:spLocks/>
          </p:cNvSpPr>
          <p:nvPr/>
        </p:nvSpPr>
        <p:spPr>
          <a:xfrm>
            <a:off x="6106959" y="5688433"/>
            <a:ext cx="5561750" cy="322466"/>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Font typeface="Arial" panose="020B0604020202020204" pitchFamily="34" charset="0"/>
              <a:buNone/>
            </a:pPr>
            <a:r>
              <a:rPr lang="en-US" sz="1400" dirty="0">
                <a:latin typeface="Roboto SemiBold" panose="02000000000000000000" pitchFamily="2" charset="0"/>
                <a:ea typeface="Roboto SemiBold" panose="02000000000000000000" pitchFamily="2" charset="0"/>
              </a:rPr>
              <a:t>Saves instructional design and development hours</a:t>
            </a:r>
          </a:p>
        </p:txBody>
      </p:sp>
    </p:spTree>
    <p:extLst>
      <p:ext uri="{BB962C8B-B14F-4D97-AF65-F5344CB8AC3E}">
        <p14:creationId xmlns:p14="http://schemas.microsoft.com/office/powerpoint/2010/main" val="3453257825"/>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C1E7E81-4815-5F02-A004-50A16915D39E}"/>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7D8172EE-5E1A-20F4-C53D-9763E72CCAC0}"/>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62F7B365-9AB9-861F-151C-5EB1BA1A7EFD}"/>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620D81FA-EDE2-3C81-3857-E01736E645EF}"/>
              </a:ext>
            </a:extLst>
          </p:cNvPr>
          <p:cNvSpPr>
            <a:spLocks noGrp="1"/>
          </p:cNvSpPr>
          <p:nvPr>
            <p:ph type="title"/>
          </p:nvPr>
        </p:nvSpPr>
        <p:spPr>
          <a:xfrm>
            <a:off x="446939" y="365125"/>
            <a:ext cx="10794218" cy="640715"/>
          </a:xfrm>
        </p:spPr>
        <p:txBody>
          <a:bodyPr>
            <a:normAutofit fontScale="90000"/>
          </a:bodyPr>
          <a:lstStyle/>
          <a:p>
            <a:r>
              <a:rPr lang="en-IN" sz="2400" b="1" dirty="0" err="1">
                <a:solidFill>
                  <a:schemeClr val="bg1"/>
                </a:solidFill>
                <a:ea typeface="Roboto SemiBold" panose="02000000000000000000" pitchFamily="2" charset="0"/>
              </a:rPr>
              <a:t>Synthesia</a:t>
            </a:r>
            <a:r>
              <a:rPr lang="en-IN" sz="2400" dirty="0">
                <a:solidFill>
                  <a:schemeClr val="bg1"/>
                </a:solidFill>
                <a:ea typeface="Roboto SemiBold" panose="02000000000000000000" pitchFamily="2" charset="0"/>
              </a:rPr>
              <a:t>: </a:t>
            </a:r>
            <a:r>
              <a:rPr lang="en-US" sz="2400" dirty="0">
                <a:solidFill>
                  <a:schemeClr val="bg1"/>
                </a:solidFill>
                <a:ea typeface="Roboto SemiBold" panose="02000000000000000000" pitchFamily="2" charset="0"/>
              </a:rPr>
              <a:t>From Static AI Videos to Interactive, Adaptive Learning Experiences</a:t>
            </a:r>
            <a:endParaRPr lang="en-IN" sz="2400" dirty="0">
              <a:solidFill>
                <a:schemeClr val="bg1"/>
              </a:solidFill>
              <a:ea typeface="Roboto SemiBold" panose="02000000000000000000" pitchFamily="2" charset="0"/>
            </a:endParaRPr>
          </a:p>
        </p:txBody>
      </p:sp>
      <p:sp>
        <p:nvSpPr>
          <p:cNvPr id="6" name="Content Placeholder 20">
            <a:extLst>
              <a:ext uri="{FF2B5EF4-FFF2-40B4-BE49-F238E27FC236}">
                <a16:creationId xmlns:a16="http://schemas.microsoft.com/office/drawing/2014/main" id="{570DD5B0-2D5F-5790-48F7-8656E12A038C}"/>
              </a:ext>
            </a:extLst>
          </p:cNvPr>
          <p:cNvSpPr>
            <a:spLocks noGrp="1"/>
          </p:cNvSpPr>
          <p:nvPr>
            <p:ph idx="1"/>
          </p:nvPr>
        </p:nvSpPr>
        <p:spPr>
          <a:xfrm>
            <a:off x="446939" y="1719363"/>
            <a:ext cx="11461845" cy="612073"/>
          </a:xfrm>
        </p:spPr>
        <p:txBody>
          <a:bodyPr>
            <a:noAutofit/>
          </a:bodyPr>
          <a:lstStyle/>
          <a:p>
            <a:pPr marL="0" indent="0">
              <a:lnSpc>
                <a:spcPct val="100000"/>
              </a:lnSpc>
              <a:buNone/>
            </a:pPr>
            <a:r>
              <a:rPr lang="en-US" sz="1400" b="1" dirty="0" err="1">
                <a:solidFill>
                  <a:schemeClr val="tx1"/>
                </a:solidFill>
                <a:ea typeface="Roboto SemiBold" panose="02000000000000000000" pitchFamily="2" charset="0"/>
              </a:rPr>
              <a:t>Synthesia</a:t>
            </a:r>
            <a:r>
              <a:rPr lang="en-US" sz="1400" dirty="0">
                <a:solidFill>
                  <a:schemeClr val="tx1"/>
                </a:solidFill>
                <a:ea typeface="Roboto SemiBold" panose="02000000000000000000" pitchFamily="2" charset="0"/>
              </a:rPr>
              <a:t> transforms video from a passive medium into an interactive learning system.</a:t>
            </a:r>
          </a:p>
        </p:txBody>
      </p:sp>
      <p:grpSp>
        <p:nvGrpSpPr>
          <p:cNvPr id="11" name="Group 10">
            <a:extLst>
              <a:ext uri="{FF2B5EF4-FFF2-40B4-BE49-F238E27FC236}">
                <a16:creationId xmlns:a16="http://schemas.microsoft.com/office/drawing/2014/main" id="{594ABFE7-545B-16B2-47F7-3179110E009B}"/>
              </a:ext>
            </a:extLst>
          </p:cNvPr>
          <p:cNvGrpSpPr/>
          <p:nvPr/>
        </p:nvGrpSpPr>
        <p:grpSpPr>
          <a:xfrm>
            <a:off x="990601" y="2980312"/>
            <a:ext cx="10535496" cy="2534675"/>
            <a:chOff x="990601" y="2980312"/>
            <a:chExt cx="10535496" cy="2534675"/>
          </a:xfrm>
        </p:grpSpPr>
        <p:grpSp>
          <p:nvGrpSpPr>
            <p:cNvPr id="12" name="Group 11">
              <a:extLst>
                <a:ext uri="{FF2B5EF4-FFF2-40B4-BE49-F238E27FC236}">
                  <a16:creationId xmlns:a16="http://schemas.microsoft.com/office/drawing/2014/main" id="{DE3EECB0-C4C1-1B10-EA04-9AA6A1453A10}"/>
                </a:ext>
              </a:extLst>
            </p:cNvPr>
            <p:cNvGrpSpPr/>
            <p:nvPr/>
          </p:nvGrpSpPr>
          <p:grpSpPr>
            <a:xfrm>
              <a:off x="1169732" y="3281994"/>
              <a:ext cx="255560" cy="255558"/>
              <a:chOff x="532914" y="2954233"/>
              <a:chExt cx="358343" cy="358343"/>
            </a:xfrm>
          </p:grpSpPr>
          <p:sp>
            <p:nvSpPr>
              <p:cNvPr id="85" name="Oval 84">
                <a:extLst>
                  <a:ext uri="{FF2B5EF4-FFF2-40B4-BE49-F238E27FC236}">
                    <a16:creationId xmlns:a16="http://schemas.microsoft.com/office/drawing/2014/main" id="{57FF54C9-9CCD-BB7B-C6E4-47EE17813A0A}"/>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86" name="Graphic 85" descr="Checkmark outline">
                <a:extLst>
                  <a:ext uri="{FF2B5EF4-FFF2-40B4-BE49-F238E27FC236}">
                    <a16:creationId xmlns:a16="http://schemas.microsoft.com/office/drawing/2014/main" id="{C40D904A-3054-B02F-65DC-025AD1FECE95}"/>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pic>
          <p:nvPicPr>
            <p:cNvPr id="13" name="Picture 12" descr="Synthesia Makes AI Video Production Effortless with Generative AI on ...">
              <a:extLst>
                <a:ext uri="{FF2B5EF4-FFF2-40B4-BE49-F238E27FC236}">
                  <a16:creationId xmlns:a16="http://schemas.microsoft.com/office/drawing/2014/main" id="{06DC0521-390E-A303-B6DE-F657342AFDFC}"/>
                </a:ext>
              </a:extLst>
            </p:cNvPr>
            <p:cNvPicPr>
              <a:picLocks noChangeAspect="1"/>
            </p:cNvPicPr>
            <p:nvPr/>
          </p:nvPicPr>
          <p:blipFill>
            <a:blip r:embed="rId5"/>
            <a:stretch>
              <a:fillRect/>
            </a:stretch>
          </p:blipFill>
          <p:spPr>
            <a:xfrm>
              <a:off x="5280838" y="4113900"/>
              <a:ext cx="1630324" cy="267499"/>
            </a:xfrm>
            <a:prstGeom prst="rect">
              <a:avLst/>
            </a:prstGeom>
          </p:spPr>
        </p:pic>
        <p:sp>
          <p:nvSpPr>
            <p:cNvPr id="14" name="Oval 13">
              <a:extLst>
                <a:ext uri="{FF2B5EF4-FFF2-40B4-BE49-F238E27FC236}">
                  <a16:creationId xmlns:a16="http://schemas.microsoft.com/office/drawing/2014/main" id="{4BDBCCAA-496F-6779-A3EB-689380821A86}"/>
                </a:ext>
              </a:extLst>
            </p:cNvPr>
            <p:cNvSpPr/>
            <p:nvPr/>
          </p:nvSpPr>
          <p:spPr>
            <a:xfrm>
              <a:off x="4828663" y="2980312"/>
              <a:ext cx="2534675" cy="2534675"/>
            </a:xfrm>
            <a:prstGeom prst="ellipse">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5" name="Rectangle: Rounded Corners 14">
              <a:extLst>
                <a:ext uri="{FF2B5EF4-FFF2-40B4-BE49-F238E27FC236}">
                  <a16:creationId xmlns:a16="http://schemas.microsoft.com/office/drawing/2014/main" id="{35FB6591-2AFB-8973-720C-FED7CF73D9E3}"/>
                </a:ext>
              </a:extLst>
            </p:cNvPr>
            <p:cNvSpPr/>
            <p:nvPr/>
          </p:nvSpPr>
          <p:spPr>
            <a:xfrm>
              <a:off x="990601" y="3049773"/>
              <a:ext cx="354786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20" name="Content Placeholder 20">
              <a:extLst>
                <a:ext uri="{FF2B5EF4-FFF2-40B4-BE49-F238E27FC236}">
                  <a16:creationId xmlns:a16="http://schemas.microsoft.com/office/drawing/2014/main" id="{AA0C5028-7AB8-240C-F537-F64DF6AF782E}"/>
                </a:ext>
              </a:extLst>
            </p:cNvPr>
            <p:cNvSpPr txBox="1">
              <a:spLocks/>
            </p:cNvSpPr>
            <p:nvPr/>
          </p:nvSpPr>
          <p:spPr>
            <a:xfrm>
              <a:off x="1568559" y="3173867"/>
              <a:ext cx="3431183" cy="47181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Interactive videos with buttons, branching paths, and quizzes</a:t>
              </a:r>
            </a:p>
          </p:txBody>
        </p:sp>
        <p:sp>
          <p:nvSpPr>
            <p:cNvPr id="22" name="Content Placeholder 20">
              <a:extLst>
                <a:ext uri="{FF2B5EF4-FFF2-40B4-BE49-F238E27FC236}">
                  <a16:creationId xmlns:a16="http://schemas.microsoft.com/office/drawing/2014/main" id="{765C7795-3F1C-0015-C51A-2406C552E2E9}"/>
                </a:ext>
              </a:extLst>
            </p:cNvPr>
            <p:cNvSpPr txBox="1">
              <a:spLocks/>
            </p:cNvSpPr>
            <p:nvPr/>
          </p:nvSpPr>
          <p:spPr>
            <a:xfrm>
              <a:off x="1568559" y="4002532"/>
              <a:ext cx="2661467" cy="47181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AI video assistant to convert PPT/PDF into videos</a:t>
              </a:r>
            </a:p>
          </p:txBody>
        </p:sp>
        <p:sp>
          <p:nvSpPr>
            <p:cNvPr id="25" name="Content Placeholder 20">
              <a:extLst>
                <a:ext uri="{FF2B5EF4-FFF2-40B4-BE49-F238E27FC236}">
                  <a16:creationId xmlns:a16="http://schemas.microsoft.com/office/drawing/2014/main" id="{EE13FF42-7F8A-ECE1-8D77-648D494EF257}"/>
                </a:ext>
              </a:extLst>
            </p:cNvPr>
            <p:cNvSpPr txBox="1">
              <a:spLocks/>
            </p:cNvSpPr>
            <p:nvPr/>
          </p:nvSpPr>
          <p:spPr>
            <a:xfrm>
              <a:off x="1568559" y="4853316"/>
              <a:ext cx="2687173" cy="47181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Multi-language auto-translation (80+ languages)</a:t>
              </a:r>
            </a:p>
          </p:txBody>
        </p:sp>
        <p:sp>
          <p:nvSpPr>
            <p:cNvPr id="26" name="Content Placeholder 20">
              <a:extLst>
                <a:ext uri="{FF2B5EF4-FFF2-40B4-BE49-F238E27FC236}">
                  <a16:creationId xmlns:a16="http://schemas.microsoft.com/office/drawing/2014/main" id="{ECEC1F9E-216A-51B8-C0C6-8F3B267A69C0}"/>
                </a:ext>
              </a:extLst>
            </p:cNvPr>
            <p:cNvSpPr txBox="1">
              <a:spLocks/>
            </p:cNvSpPr>
            <p:nvPr/>
          </p:nvSpPr>
          <p:spPr>
            <a:xfrm>
              <a:off x="8094915" y="3289119"/>
              <a:ext cx="3106484" cy="32067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SCORM export for LMS integration</a:t>
              </a:r>
            </a:p>
          </p:txBody>
        </p:sp>
        <p:sp>
          <p:nvSpPr>
            <p:cNvPr id="27" name="Content Placeholder 20">
              <a:extLst>
                <a:ext uri="{FF2B5EF4-FFF2-40B4-BE49-F238E27FC236}">
                  <a16:creationId xmlns:a16="http://schemas.microsoft.com/office/drawing/2014/main" id="{36F7D505-749D-E50A-7B68-D56F17119C90}"/>
                </a:ext>
              </a:extLst>
            </p:cNvPr>
            <p:cNvSpPr txBox="1">
              <a:spLocks/>
            </p:cNvSpPr>
            <p:nvPr/>
          </p:nvSpPr>
          <p:spPr>
            <a:xfrm>
              <a:off x="8094915" y="4058745"/>
              <a:ext cx="3431182" cy="339269"/>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Analytics and engagement tracking</a:t>
              </a:r>
            </a:p>
          </p:txBody>
        </p:sp>
        <p:sp>
          <p:nvSpPr>
            <p:cNvPr id="28" name="Content Placeholder 20">
              <a:extLst>
                <a:ext uri="{FF2B5EF4-FFF2-40B4-BE49-F238E27FC236}">
                  <a16:creationId xmlns:a16="http://schemas.microsoft.com/office/drawing/2014/main" id="{98340240-2C71-0213-AAC6-E11F75A21AD8}"/>
                </a:ext>
              </a:extLst>
            </p:cNvPr>
            <p:cNvSpPr txBox="1">
              <a:spLocks/>
            </p:cNvSpPr>
            <p:nvPr/>
          </p:nvSpPr>
          <p:spPr>
            <a:xfrm>
              <a:off x="8094915" y="4853316"/>
              <a:ext cx="3431182" cy="47181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Emerging AI video agents enabling conversational learning</a:t>
              </a:r>
              <a:endParaRPr lang="en-IN" sz="1400" b="1" dirty="0">
                <a:latin typeface="Roboto SemiBold" panose="02000000000000000000" pitchFamily="2" charset="0"/>
                <a:ea typeface="Roboto SemiBold" panose="02000000000000000000" pitchFamily="2" charset="0"/>
              </a:endParaRPr>
            </a:p>
          </p:txBody>
        </p:sp>
        <p:grpSp>
          <p:nvGrpSpPr>
            <p:cNvPr id="29" name="Group 28">
              <a:extLst>
                <a:ext uri="{FF2B5EF4-FFF2-40B4-BE49-F238E27FC236}">
                  <a16:creationId xmlns:a16="http://schemas.microsoft.com/office/drawing/2014/main" id="{B884521B-450F-7930-6F9E-95929560636D}"/>
                </a:ext>
              </a:extLst>
            </p:cNvPr>
            <p:cNvGrpSpPr/>
            <p:nvPr/>
          </p:nvGrpSpPr>
          <p:grpSpPr>
            <a:xfrm>
              <a:off x="4538461" y="3409772"/>
              <a:ext cx="513950" cy="230658"/>
              <a:chOff x="4538461" y="3284480"/>
              <a:chExt cx="513950" cy="230658"/>
            </a:xfrm>
          </p:grpSpPr>
          <p:cxnSp>
            <p:nvCxnSpPr>
              <p:cNvPr id="82" name="Straight Connector 81">
                <a:extLst>
                  <a:ext uri="{FF2B5EF4-FFF2-40B4-BE49-F238E27FC236}">
                    <a16:creationId xmlns:a16="http://schemas.microsoft.com/office/drawing/2014/main" id="{2FEA0F9E-0292-4280-6D8A-690676478153}"/>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83" name="Straight Connector 82">
                <a:extLst>
                  <a:ext uri="{FF2B5EF4-FFF2-40B4-BE49-F238E27FC236}">
                    <a16:creationId xmlns:a16="http://schemas.microsoft.com/office/drawing/2014/main" id="{FDECC9BB-3A7E-0216-C5DE-7B27DA6A6442}"/>
                  </a:ext>
                </a:extLst>
              </p:cNvPr>
              <p:cNvCxnSpPr>
                <a:cxnSpLocks/>
                <a:stCxn id="15" idx="3"/>
              </p:cNvCxnSpPr>
              <p:nvPr/>
            </p:nvCxnSpPr>
            <p:spPr>
              <a:xfrm>
                <a:off x="4538461" y="3284481"/>
                <a:ext cx="273105" cy="0"/>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84" name="Oval 83">
                <a:extLst>
                  <a:ext uri="{FF2B5EF4-FFF2-40B4-BE49-F238E27FC236}">
                    <a16:creationId xmlns:a16="http://schemas.microsoft.com/office/drawing/2014/main" id="{B987CD97-3DB8-BF27-B6DD-713B9E440794}"/>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sp>
          <p:nvSpPr>
            <p:cNvPr id="30" name="Rectangle: Rounded Corners 29">
              <a:extLst>
                <a:ext uri="{FF2B5EF4-FFF2-40B4-BE49-F238E27FC236}">
                  <a16:creationId xmlns:a16="http://schemas.microsoft.com/office/drawing/2014/main" id="{D3488DEE-6681-D5BB-D992-302E7CE25254}"/>
                </a:ext>
              </a:extLst>
            </p:cNvPr>
            <p:cNvSpPr/>
            <p:nvPr/>
          </p:nvSpPr>
          <p:spPr>
            <a:xfrm>
              <a:off x="990601" y="3878438"/>
              <a:ext cx="354786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32" name="Rectangle: Rounded Corners 31">
              <a:extLst>
                <a:ext uri="{FF2B5EF4-FFF2-40B4-BE49-F238E27FC236}">
                  <a16:creationId xmlns:a16="http://schemas.microsoft.com/office/drawing/2014/main" id="{B8ED2FEA-F855-52F3-4D12-BBEC9CACED9D}"/>
                </a:ext>
              </a:extLst>
            </p:cNvPr>
            <p:cNvSpPr/>
            <p:nvPr/>
          </p:nvSpPr>
          <p:spPr>
            <a:xfrm>
              <a:off x="990601" y="4729222"/>
              <a:ext cx="354786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33" name="Group 32">
              <a:extLst>
                <a:ext uri="{FF2B5EF4-FFF2-40B4-BE49-F238E27FC236}">
                  <a16:creationId xmlns:a16="http://schemas.microsoft.com/office/drawing/2014/main" id="{234C1CAF-8EA5-2241-5878-B08AEA7EF7A2}"/>
                </a:ext>
              </a:extLst>
            </p:cNvPr>
            <p:cNvGrpSpPr/>
            <p:nvPr/>
          </p:nvGrpSpPr>
          <p:grpSpPr>
            <a:xfrm flipV="1">
              <a:off x="4534049" y="4202786"/>
              <a:ext cx="334368" cy="89726"/>
              <a:chOff x="4692643" y="3411331"/>
              <a:chExt cx="334368" cy="89726"/>
            </a:xfrm>
          </p:grpSpPr>
          <p:cxnSp>
            <p:nvCxnSpPr>
              <p:cNvPr id="80" name="Straight Connector 79">
                <a:extLst>
                  <a:ext uri="{FF2B5EF4-FFF2-40B4-BE49-F238E27FC236}">
                    <a16:creationId xmlns:a16="http://schemas.microsoft.com/office/drawing/2014/main" id="{39F1A7E8-5145-57FF-6021-AA38A366AAAF}"/>
                  </a:ext>
                </a:extLst>
              </p:cNvPr>
              <p:cNvCxnSpPr>
                <a:cxnSpLocks/>
              </p:cNvCxnSpPr>
              <p:nvPr/>
            </p:nvCxnSpPr>
            <p:spPr>
              <a:xfrm flipV="1">
                <a:off x="4692643" y="3454361"/>
                <a:ext cx="243089" cy="366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81" name="Oval 80">
                <a:extLst>
                  <a:ext uri="{FF2B5EF4-FFF2-40B4-BE49-F238E27FC236}">
                    <a16:creationId xmlns:a16="http://schemas.microsoft.com/office/drawing/2014/main" id="{7ED29E01-A9E7-AD3F-112F-1C1B3C224A2C}"/>
                  </a:ext>
                </a:extLst>
              </p:cNvPr>
              <p:cNvSpPr/>
              <p:nvPr/>
            </p:nvSpPr>
            <p:spPr>
              <a:xfrm>
                <a:off x="4937285" y="3411331"/>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grpSp>
          <p:nvGrpSpPr>
            <p:cNvPr id="34" name="Group 33">
              <a:extLst>
                <a:ext uri="{FF2B5EF4-FFF2-40B4-BE49-F238E27FC236}">
                  <a16:creationId xmlns:a16="http://schemas.microsoft.com/office/drawing/2014/main" id="{BB1C31AD-997C-EC54-7BBE-68F3E80027EA}"/>
                </a:ext>
              </a:extLst>
            </p:cNvPr>
            <p:cNvGrpSpPr/>
            <p:nvPr/>
          </p:nvGrpSpPr>
          <p:grpSpPr>
            <a:xfrm>
              <a:off x="1169732" y="4110659"/>
              <a:ext cx="255560" cy="255558"/>
              <a:chOff x="532914" y="2954233"/>
              <a:chExt cx="358343" cy="358343"/>
            </a:xfrm>
          </p:grpSpPr>
          <p:sp>
            <p:nvSpPr>
              <p:cNvPr id="78" name="Oval 77">
                <a:extLst>
                  <a:ext uri="{FF2B5EF4-FFF2-40B4-BE49-F238E27FC236}">
                    <a16:creationId xmlns:a16="http://schemas.microsoft.com/office/drawing/2014/main" id="{B6F0E144-60C5-7408-8F1D-D2D71FFD013E}"/>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79" name="Graphic 78" descr="Checkmark outline">
                <a:extLst>
                  <a:ext uri="{FF2B5EF4-FFF2-40B4-BE49-F238E27FC236}">
                    <a16:creationId xmlns:a16="http://schemas.microsoft.com/office/drawing/2014/main" id="{F235EF58-5B74-4C3A-FEF5-4DD61745890A}"/>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grpSp>
          <p:nvGrpSpPr>
            <p:cNvPr id="35" name="Group 34">
              <a:extLst>
                <a:ext uri="{FF2B5EF4-FFF2-40B4-BE49-F238E27FC236}">
                  <a16:creationId xmlns:a16="http://schemas.microsoft.com/office/drawing/2014/main" id="{F1A4A47E-87E4-BC96-5391-0BF83E9D8558}"/>
                </a:ext>
              </a:extLst>
            </p:cNvPr>
            <p:cNvGrpSpPr/>
            <p:nvPr/>
          </p:nvGrpSpPr>
          <p:grpSpPr>
            <a:xfrm>
              <a:off x="1169732" y="4961443"/>
              <a:ext cx="255560" cy="255558"/>
              <a:chOff x="532914" y="2954233"/>
              <a:chExt cx="358343" cy="358343"/>
            </a:xfrm>
          </p:grpSpPr>
          <p:sp>
            <p:nvSpPr>
              <p:cNvPr id="76" name="Oval 75">
                <a:extLst>
                  <a:ext uri="{FF2B5EF4-FFF2-40B4-BE49-F238E27FC236}">
                    <a16:creationId xmlns:a16="http://schemas.microsoft.com/office/drawing/2014/main" id="{C46CDEAD-7D2A-2B14-C327-E146CAB956FC}"/>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77" name="Graphic 76" descr="Checkmark outline">
                <a:extLst>
                  <a:ext uri="{FF2B5EF4-FFF2-40B4-BE49-F238E27FC236}">
                    <a16:creationId xmlns:a16="http://schemas.microsoft.com/office/drawing/2014/main" id="{776FB49F-C640-4D38-02FF-08FADB6C8C53}"/>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grpSp>
          <p:nvGrpSpPr>
            <p:cNvPr id="36" name="Group 35">
              <a:extLst>
                <a:ext uri="{FF2B5EF4-FFF2-40B4-BE49-F238E27FC236}">
                  <a16:creationId xmlns:a16="http://schemas.microsoft.com/office/drawing/2014/main" id="{9CB2437B-5861-25C7-F1FD-54695D919115}"/>
                </a:ext>
              </a:extLst>
            </p:cNvPr>
            <p:cNvGrpSpPr/>
            <p:nvPr/>
          </p:nvGrpSpPr>
          <p:grpSpPr>
            <a:xfrm>
              <a:off x="7790791" y="3293223"/>
              <a:ext cx="255560" cy="255558"/>
              <a:chOff x="532914" y="2954233"/>
              <a:chExt cx="358343" cy="358343"/>
            </a:xfrm>
          </p:grpSpPr>
          <p:sp>
            <p:nvSpPr>
              <p:cNvPr id="74" name="Oval 73">
                <a:extLst>
                  <a:ext uri="{FF2B5EF4-FFF2-40B4-BE49-F238E27FC236}">
                    <a16:creationId xmlns:a16="http://schemas.microsoft.com/office/drawing/2014/main" id="{76175F40-9046-308E-58D3-4F692A6E7EDF}"/>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75" name="Graphic 74" descr="Checkmark outline">
                <a:extLst>
                  <a:ext uri="{FF2B5EF4-FFF2-40B4-BE49-F238E27FC236}">
                    <a16:creationId xmlns:a16="http://schemas.microsoft.com/office/drawing/2014/main" id="{2BA6E567-B17E-3531-BEE0-64FF9387BA80}"/>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grpSp>
          <p:nvGrpSpPr>
            <p:cNvPr id="38" name="Group 37">
              <a:extLst>
                <a:ext uri="{FF2B5EF4-FFF2-40B4-BE49-F238E27FC236}">
                  <a16:creationId xmlns:a16="http://schemas.microsoft.com/office/drawing/2014/main" id="{FE179ABD-6DCB-A696-5211-2B6999AFA548}"/>
                </a:ext>
              </a:extLst>
            </p:cNvPr>
            <p:cNvGrpSpPr/>
            <p:nvPr/>
          </p:nvGrpSpPr>
          <p:grpSpPr>
            <a:xfrm flipH="1" flipV="1">
              <a:off x="7310504" y="4177729"/>
              <a:ext cx="334368" cy="89726"/>
              <a:chOff x="4692643" y="3411331"/>
              <a:chExt cx="334368" cy="89726"/>
            </a:xfrm>
          </p:grpSpPr>
          <p:cxnSp>
            <p:nvCxnSpPr>
              <p:cNvPr id="72" name="Straight Connector 71">
                <a:extLst>
                  <a:ext uri="{FF2B5EF4-FFF2-40B4-BE49-F238E27FC236}">
                    <a16:creationId xmlns:a16="http://schemas.microsoft.com/office/drawing/2014/main" id="{56EF4028-68EC-69AC-0C16-E624D7A64A0C}"/>
                  </a:ext>
                </a:extLst>
              </p:cNvPr>
              <p:cNvCxnSpPr>
                <a:cxnSpLocks/>
              </p:cNvCxnSpPr>
              <p:nvPr/>
            </p:nvCxnSpPr>
            <p:spPr>
              <a:xfrm flipV="1">
                <a:off x="4692643" y="3454361"/>
                <a:ext cx="243089" cy="366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73" name="Oval 72">
                <a:extLst>
                  <a:ext uri="{FF2B5EF4-FFF2-40B4-BE49-F238E27FC236}">
                    <a16:creationId xmlns:a16="http://schemas.microsoft.com/office/drawing/2014/main" id="{A210FB85-12A5-BBFD-500A-5D7F7895CA97}"/>
                  </a:ext>
                </a:extLst>
              </p:cNvPr>
              <p:cNvSpPr/>
              <p:nvPr/>
            </p:nvSpPr>
            <p:spPr>
              <a:xfrm>
                <a:off x="4937285" y="3411331"/>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grpSp>
          <p:nvGrpSpPr>
            <p:cNvPr id="39" name="Group 38">
              <a:extLst>
                <a:ext uri="{FF2B5EF4-FFF2-40B4-BE49-F238E27FC236}">
                  <a16:creationId xmlns:a16="http://schemas.microsoft.com/office/drawing/2014/main" id="{B86EEE2B-3662-D837-D669-D2A660BB052B}"/>
                </a:ext>
              </a:extLst>
            </p:cNvPr>
            <p:cNvGrpSpPr/>
            <p:nvPr/>
          </p:nvGrpSpPr>
          <p:grpSpPr>
            <a:xfrm>
              <a:off x="7790791" y="4110659"/>
              <a:ext cx="255560" cy="255558"/>
              <a:chOff x="532914" y="2954233"/>
              <a:chExt cx="358343" cy="358343"/>
            </a:xfrm>
          </p:grpSpPr>
          <p:sp>
            <p:nvSpPr>
              <p:cNvPr id="70" name="Oval 69">
                <a:extLst>
                  <a:ext uri="{FF2B5EF4-FFF2-40B4-BE49-F238E27FC236}">
                    <a16:creationId xmlns:a16="http://schemas.microsoft.com/office/drawing/2014/main" id="{5092F49D-7247-0175-F26F-14102A4107D2}"/>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71" name="Graphic 70" descr="Checkmark outline">
                <a:extLst>
                  <a:ext uri="{FF2B5EF4-FFF2-40B4-BE49-F238E27FC236}">
                    <a16:creationId xmlns:a16="http://schemas.microsoft.com/office/drawing/2014/main" id="{AAB17782-A317-83F9-C4A2-C648E75A020E}"/>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grpSp>
          <p:nvGrpSpPr>
            <p:cNvPr id="40" name="Group 39">
              <a:extLst>
                <a:ext uri="{FF2B5EF4-FFF2-40B4-BE49-F238E27FC236}">
                  <a16:creationId xmlns:a16="http://schemas.microsoft.com/office/drawing/2014/main" id="{86C10A09-DB81-6E46-B73C-3C189ED0EAE2}"/>
                </a:ext>
              </a:extLst>
            </p:cNvPr>
            <p:cNvGrpSpPr/>
            <p:nvPr/>
          </p:nvGrpSpPr>
          <p:grpSpPr>
            <a:xfrm>
              <a:off x="7790791" y="4961443"/>
              <a:ext cx="255560" cy="255558"/>
              <a:chOff x="532914" y="2954233"/>
              <a:chExt cx="358343" cy="358343"/>
            </a:xfrm>
          </p:grpSpPr>
          <p:sp>
            <p:nvSpPr>
              <p:cNvPr id="68" name="Oval 67">
                <a:extLst>
                  <a:ext uri="{FF2B5EF4-FFF2-40B4-BE49-F238E27FC236}">
                    <a16:creationId xmlns:a16="http://schemas.microsoft.com/office/drawing/2014/main" id="{5FC33F95-75C8-8456-D29A-31E25E78FF50}"/>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69" name="Graphic 68" descr="Checkmark outline">
                <a:extLst>
                  <a:ext uri="{FF2B5EF4-FFF2-40B4-BE49-F238E27FC236}">
                    <a16:creationId xmlns:a16="http://schemas.microsoft.com/office/drawing/2014/main" id="{BD69319E-EBE6-E087-A21E-C276EAC81ED4}"/>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sp>
          <p:nvSpPr>
            <p:cNvPr id="41" name="Oval 40">
              <a:extLst>
                <a:ext uri="{FF2B5EF4-FFF2-40B4-BE49-F238E27FC236}">
                  <a16:creationId xmlns:a16="http://schemas.microsoft.com/office/drawing/2014/main" id="{AE7127A2-3456-1B24-3524-39D8A8A25673}"/>
                </a:ext>
              </a:extLst>
            </p:cNvPr>
            <p:cNvSpPr/>
            <p:nvPr/>
          </p:nvSpPr>
          <p:spPr>
            <a:xfrm>
              <a:off x="4993485" y="3145134"/>
              <a:ext cx="2205030" cy="2205030"/>
            </a:xfrm>
            <a:prstGeom prst="ellipse">
              <a:avLst/>
            </a:prstGeom>
            <a:noFill/>
            <a:ln w="12700">
              <a:solidFill>
                <a:srgbClr val="A65AF9"/>
              </a:solidFill>
              <a:prstDash val="dash"/>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42" name="Group 41">
              <a:extLst>
                <a:ext uri="{FF2B5EF4-FFF2-40B4-BE49-F238E27FC236}">
                  <a16:creationId xmlns:a16="http://schemas.microsoft.com/office/drawing/2014/main" id="{6C510560-A0A5-A44B-00A0-83CC01BF439A}"/>
                </a:ext>
              </a:extLst>
            </p:cNvPr>
            <p:cNvGrpSpPr/>
            <p:nvPr/>
          </p:nvGrpSpPr>
          <p:grpSpPr>
            <a:xfrm flipV="1">
              <a:off x="4534795" y="4867383"/>
              <a:ext cx="513951" cy="232691"/>
              <a:chOff x="4538460" y="3282447"/>
              <a:chExt cx="513951" cy="232691"/>
            </a:xfrm>
          </p:grpSpPr>
          <p:cxnSp>
            <p:nvCxnSpPr>
              <p:cNvPr id="65" name="Straight Connector 64">
                <a:extLst>
                  <a:ext uri="{FF2B5EF4-FFF2-40B4-BE49-F238E27FC236}">
                    <a16:creationId xmlns:a16="http://schemas.microsoft.com/office/drawing/2014/main" id="{2BA41A51-0A94-EAEB-D053-25E38E89662B}"/>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66" name="Straight Connector 65">
                <a:extLst>
                  <a:ext uri="{FF2B5EF4-FFF2-40B4-BE49-F238E27FC236}">
                    <a16:creationId xmlns:a16="http://schemas.microsoft.com/office/drawing/2014/main" id="{31776A0B-934F-8609-2C67-AA6194400D50}"/>
                  </a:ext>
                </a:extLst>
              </p:cNvPr>
              <p:cNvCxnSpPr>
                <a:cxnSpLocks/>
              </p:cNvCxnSpPr>
              <p:nvPr/>
            </p:nvCxnSpPr>
            <p:spPr>
              <a:xfrm flipV="1">
                <a:off x="4538460" y="3282447"/>
                <a:ext cx="266101" cy="1"/>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67" name="Oval 66">
                <a:extLst>
                  <a:ext uri="{FF2B5EF4-FFF2-40B4-BE49-F238E27FC236}">
                    <a16:creationId xmlns:a16="http://schemas.microsoft.com/office/drawing/2014/main" id="{A182C8AC-F4B4-D80D-6A43-695BE9EFE6DF}"/>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sp>
          <p:nvSpPr>
            <p:cNvPr id="43" name="Rectangle: Rounded Corners 42">
              <a:extLst>
                <a:ext uri="{FF2B5EF4-FFF2-40B4-BE49-F238E27FC236}">
                  <a16:creationId xmlns:a16="http://schemas.microsoft.com/office/drawing/2014/main" id="{6FA2D557-A049-E0BF-DD7C-0CCFB599E8B2}"/>
                </a:ext>
              </a:extLst>
            </p:cNvPr>
            <p:cNvSpPr/>
            <p:nvPr/>
          </p:nvSpPr>
          <p:spPr>
            <a:xfrm>
              <a:off x="7653540" y="3049773"/>
              <a:ext cx="354960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44" name="Rectangle: Rounded Corners 43">
              <a:extLst>
                <a:ext uri="{FF2B5EF4-FFF2-40B4-BE49-F238E27FC236}">
                  <a16:creationId xmlns:a16="http://schemas.microsoft.com/office/drawing/2014/main" id="{1A6BE253-87A7-9293-3101-2209E0D616D6}"/>
                </a:ext>
              </a:extLst>
            </p:cNvPr>
            <p:cNvSpPr/>
            <p:nvPr/>
          </p:nvSpPr>
          <p:spPr>
            <a:xfrm>
              <a:off x="7653540" y="3878438"/>
              <a:ext cx="354960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45" name="Rectangle: Rounded Corners 44">
              <a:extLst>
                <a:ext uri="{FF2B5EF4-FFF2-40B4-BE49-F238E27FC236}">
                  <a16:creationId xmlns:a16="http://schemas.microsoft.com/office/drawing/2014/main" id="{E412079F-CD5A-D784-4E4B-F08674B18BE0}"/>
                </a:ext>
              </a:extLst>
            </p:cNvPr>
            <p:cNvSpPr/>
            <p:nvPr/>
          </p:nvSpPr>
          <p:spPr>
            <a:xfrm>
              <a:off x="7653540" y="4729222"/>
              <a:ext cx="354960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46" name="Group 45">
              <a:extLst>
                <a:ext uri="{FF2B5EF4-FFF2-40B4-BE49-F238E27FC236}">
                  <a16:creationId xmlns:a16="http://schemas.microsoft.com/office/drawing/2014/main" id="{AAF00023-F450-09E4-5F27-E522508026A2}"/>
                </a:ext>
              </a:extLst>
            </p:cNvPr>
            <p:cNvGrpSpPr/>
            <p:nvPr/>
          </p:nvGrpSpPr>
          <p:grpSpPr>
            <a:xfrm flipH="1" flipV="1">
              <a:off x="7140624" y="4867383"/>
              <a:ext cx="513951" cy="232691"/>
              <a:chOff x="4538460" y="3282447"/>
              <a:chExt cx="513951" cy="232691"/>
            </a:xfrm>
          </p:grpSpPr>
          <p:cxnSp>
            <p:nvCxnSpPr>
              <p:cNvPr id="62" name="Straight Connector 61">
                <a:extLst>
                  <a:ext uri="{FF2B5EF4-FFF2-40B4-BE49-F238E27FC236}">
                    <a16:creationId xmlns:a16="http://schemas.microsoft.com/office/drawing/2014/main" id="{712DCDCD-6AB7-C6D3-FAB2-6072BEB8ADAD}"/>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63" name="Straight Connector 62">
                <a:extLst>
                  <a:ext uri="{FF2B5EF4-FFF2-40B4-BE49-F238E27FC236}">
                    <a16:creationId xmlns:a16="http://schemas.microsoft.com/office/drawing/2014/main" id="{56F4B0B3-1733-34E8-3A2D-B91D7E76F558}"/>
                  </a:ext>
                </a:extLst>
              </p:cNvPr>
              <p:cNvCxnSpPr>
                <a:cxnSpLocks/>
              </p:cNvCxnSpPr>
              <p:nvPr/>
            </p:nvCxnSpPr>
            <p:spPr>
              <a:xfrm flipV="1">
                <a:off x="4538460" y="3282447"/>
                <a:ext cx="266101" cy="1"/>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64" name="Oval 63">
                <a:extLst>
                  <a:ext uri="{FF2B5EF4-FFF2-40B4-BE49-F238E27FC236}">
                    <a16:creationId xmlns:a16="http://schemas.microsoft.com/office/drawing/2014/main" id="{8FC05694-D59D-32C9-C838-9E795E13A79D}"/>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grpSp>
          <p:nvGrpSpPr>
            <p:cNvPr id="48" name="Group 47">
              <a:extLst>
                <a:ext uri="{FF2B5EF4-FFF2-40B4-BE49-F238E27FC236}">
                  <a16:creationId xmlns:a16="http://schemas.microsoft.com/office/drawing/2014/main" id="{230AA52E-BA1C-3478-E3F2-C8A0DFF2C22C}"/>
                </a:ext>
              </a:extLst>
            </p:cNvPr>
            <p:cNvGrpSpPr/>
            <p:nvPr/>
          </p:nvGrpSpPr>
          <p:grpSpPr>
            <a:xfrm flipH="1">
              <a:off x="7144766" y="3409772"/>
              <a:ext cx="513950" cy="230658"/>
              <a:chOff x="4538461" y="3284480"/>
              <a:chExt cx="513950" cy="230658"/>
            </a:xfrm>
          </p:grpSpPr>
          <p:cxnSp>
            <p:nvCxnSpPr>
              <p:cNvPr id="49" name="Straight Connector 48">
                <a:extLst>
                  <a:ext uri="{FF2B5EF4-FFF2-40B4-BE49-F238E27FC236}">
                    <a16:creationId xmlns:a16="http://schemas.microsoft.com/office/drawing/2014/main" id="{450138FA-A4FE-519B-2631-EEF0791AD865}"/>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50" name="Straight Connector 49">
                <a:extLst>
                  <a:ext uri="{FF2B5EF4-FFF2-40B4-BE49-F238E27FC236}">
                    <a16:creationId xmlns:a16="http://schemas.microsoft.com/office/drawing/2014/main" id="{96B482B6-03A4-69D4-7B24-B1915FFFB3D6}"/>
                  </a:ext>
                </a:extLst>
              </p:cNvPr>
              <p:cNvCxnSpPr>
                <a:cxnSpLocks/>
              </p:cNvCxnSpPr>
              <p:nvPr/>
            </p:nvCxnSpPr>
            <p:spPr>
              <a:xfrm>
                <a:off x="4538461" y="3284481"/>
                <a:ext cx="273105" cy="0"/>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51" name="Oval 50">
                <a:extLst>
                  <a:ext uri="{FF2B5EF4-FFF2-40B4-BE49-F238E27FC236}">
                    <a16:creationId xmlns:a16="http://schemas.microsoft.com/office/drawing/2014/main" id="{76513311-08A5-2867-DC13-8BF56645A09C}"/>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grpSp>
      <p:sp>
        <p:nvSpPr>
          <p:cNvPr id="87" name="Content Placeholder 20">
            <a:extLst>
              <a:ext uri="{FF2B5EF4-FFF2-40B4-BE49-F238E27FC236}">
                <a16:creationId xmlns:a16="http://schemas.microsoft.com/office/drawing/2014/main" id="{61DFBDBA-6F73-A8B0-29BA-96B7E74483D9}"/>
              </a:ext>
            </a:extLst>
          </p:cNvPr>
          <p:cNvSpPr txBox="1">
            <a:spLocks/>
          </p:cNvSpPr>
          <p:nvPr/>
        </p:nvSpPr>
        <p:spPr>
          <a:xfrm>
            <a:off x="4232654" y="2405912"/>
            <a:ext cx="3726692" cy="61207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lnSpc>
                <a:spcPct val="100000"/>
              </a:lnSpc>
              <a:buNone/>
            </a:pPr>
            <a:r>
              <a:rPr lang="en-US" sz="1400" b="1" dirty="0">
                <a:latin typeface="Roboto SemiBold" panose="02000000000000000000" pitchFamily="2" charset="0"/>
                <a:ea typeface="Roboto SemiBold" panose="02000000000000000000" pitchFamily="2" charset="0"/>
              </a:rPr>
              <a:t>Key Upgrades/Capabilities</a:t>
            </a:r>
            <a:endParaRPr lang="en-IN" sz="1400" b="1" dirty="0">
              <a:latin typeface="Roboto SemiBold" panose="02000000000000000000" pitchFamily="2" charset="0"/>
              <a:ea typeface="Roboto SemiBold" panose="02000000000000000000" pitchFamily="2" charset="0"/>
            </a:endParaRPr>
          </a:p>
        </p:txBody>
      </p:sp>
    </p:spTree>
    <p:extLst>
      <p:ext uri="{BB962C8B-B14F-4D97-AF65-F5344CB8AC3E}">
        <p14:creationId xmlns:p14="http://schemas.microsoft.com/office/powerpoint/2010/main" val="2833736148"/>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BD37D9F-9911-5C8C-B1B5-EAB19708A284}"/>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3C279023-DD8F-EF15-6CE4-67F68BE39639}"/>
              </a:ext>
            </a:extLst>
          </p:cNvPr>
          <p:cNvPicPr>
            <a:picLocks noChangeAspect="1"/>
          </p:cNvPicPr>
          <p:nvPr/>
        </p:nvPicPr>
        <p:blipFill rotWithShape="1">
          <a:blip r:embed="rId4">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0AA958DC-D858-6404-C2DE-6DB2BE224B9D}"/>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F5D378DE-4255-A275-708F-858C5F59DCAB}"/>
              </a:ext>
            </a:extLst>
          </p:cNvPr>
          <p:cNvSpPr>
            <a:spLocks noGrp="1"/>
          </p:cNvSpPr>
          <p:nvPr>
            <p:ph type="title"/>
          </p:nvPr>
        </p:nvSpPr>
        <p:spPr/>
        <p:txBody>
          <a:bodyPr>
            <a:normAutofit/>
          </a:bodyPr>
          <a:lstStyle/>
          <a:p>
            <a:r>
              <a:rPr lang="en-IN" b="1" dirty="0" err="1">
                <a:solidFill>
                  <a:schemeClr val="bg1"/>
                </a:solidFill>
                <a:ea typeface="Roboto SemiBold" panose="02000000000000000000" pitchFamily="2" charset="0"/>
              </a:rPr>
              <a:t>Synthesia</a:t>
            </a:r>
            <a:r>
              <a:rPr lang="en-IN" dirty="0">
                <a:solidFill>
                  <a:schemeClr val="bg1"/>
                </a:solidFill>
                <a:ea typeface="Roboto SemiBold" panose="02000000000000000000" pitchFamily="2" charset="0"/>
              </a:rPr>
              <a:t> Samples</a:t>
            </a:r>
          </a:p>
        </p:txBody>
      </p:sp>
      <p:sp>
        <p:nvSpPr>
          <p:cNvPr id="21" name="Content Placeholder 20">
            <a:extLst>
              <a:ext uri="{FF2B5EF4-FFF2-40B4-BE49-F238E27FC236}">
                <a16:creationId xmlns:a16="http://schemas.microsoft.com/office/drawing/2014/main" id="{0E102404-4C31-8A46-CE27-048BDB6EF22C}"/>
              </a:ext>
            </a:extLst>
          </p:cNvPr>
          <p:cNvSpPr>
            <a:spLocks noGrp="1"/>
          </p:cNvSpPr>
          <p:nvPr>
            <p:ph idx="1"/>
          </p:nvPr>
        </p:nvSpPr>
        <p:spPr>
          <a:xfrm>
            <a:off x="446939" y="1719363"/>
            <a:ext cx="10950404" cy="1613772"/>
          </a:xfrm>
        </p:spPr>
        <p:txBody>
          <a:bodyPr>
            <a:noAutofit/>
          </a:bodyPr>
          <a:lstStyle/>
          <a:p>
            <a:pPr marL="0" indent="0">
              <a:lnSpc>
                <a:spcPct val="100000"/>
              </a:lnSpc>
              <a:buNone/>
            </a:pPr>
            <a:r>
              <a:rPr lang="en-IN" sz="1400" dirty="0">
                <a:solidFill>
                  <a:schemeClr val="tx1"/>
                </a:solidFill>
                <a:ea typeface="Roboto SemiBold" panose="02000000000000000000" pitchFamily="2" charset="0"/>
              </a:rPr>
              <a:t>The demos showcase videos integrated with interactive elements like buttons and questions, enabling learners to actively participate rather than just watch, resulting in higher  engagement.</a:t>
            </a:r>
            <a:endParaRPr lang="en-IN" sz="1400" b="1" dirty="0">
              <a:ea typeface="Roboto SemiBold" panose="02000000000000000000" pitchFamily="2" charset="0"/>
            </a:endParaRPr>
          </a:p>
        </p:txBody>
      </p:sp>
      <p:pic>
        <p:nvPicPr>
          <p:cNvPr id="4" name="Picture 3">
            <a:extLst>
              <a:ext uri="{FF2B5EF4-FFF2-40B4-BE49-F238E27FC236}">
                <a16:creationId xmlns:a16="http://schemas.microsoft.com/office/drawing/2014/main" id="{D2E0C840-B8EA-C724-917E-EA2EC86E48AB}"/>
              </a:ext>
            </a:extLst>
          </p:cNvPr>
          <p:cNvPicPr>
            <a:picLocks noChangeAspect="1"/>
          </p:cNvPicPr>
          <p:nvPr/>
        </p:nvPicPr>
        <p:blipFill>
          <a:blip r:embed="rId5"/>
          <a:stretch>
            <a:fillRect/>
          </a:stretch>
        </p:blipFill>
        <p:spPr>
          <a:xfrm>
            <a:off x="621123" y="2635388"/>
            <a:ext cx="5072107" cy="2866509"/>
          </a:xfrm>
          <a:prstGeom prst="rect">
            <a:avLst/>
          </a:prstGeom>
        </p:spPr>
      </p:pic>
      <p:pic>
        <p:nvPicPr>
          <p:cNvPr id="2" name="Picture 1" descr="Screen Clipping">
            <a:hlinkClick r:id="rId6"/>
            <a:extLst>
              <a:ext uri="{FF2B5EF4-FFF2-40B4-BE49-F238E27FC236}">
                <a16:creationId xmlns:a16="http://schemas.microsoft.com/office/drawing/2014/main" id="{1BD315D5-2545-4FFB-6B4B-6ED15D2EB552}"/>
              </a:ext>
            </a:extLst>
          </p:cNvPr>
          <p:cNvPicPr>
            <a:picLocks/>
          </p:cNvPicPr>
          <p:nvPr/>
        </p:nvPicPr>
        <p:blipFill>
          <a:blip r:embed="rId7" cstate="print">
            <a:extLst>
              <a:ext uri="{28A0092B-C50C-407E-A947-70E740481C1C}">
                <a14:useLocalDpi xmlns:a14="http://schemas.microsoft.com/office/drawing/2010/main" val="0"/>
              </a:ext>
            </a:extLst>
          </a:blip>
          <a:stretch>
            <a:fillRect/>
          </a:stretch>
        </p:blipFill>
        <p:spPr>
          <a:xfrm>
            <a:off x="6467498" y="2635388"/>
            <a:ext cx="5072105" cy="2866507"/>
          </a:xfrm>
          <a:prstGeom prst="rect">
            <a:avLst/>
          </a:prstGeom>
        </p:spPr>
      </p:pic>
      <p:sp>
        <p:nvSpPr>
          <p:cNvPr id="6" name="Rectangle: Top Corners Rounded 5">
            <a:hlinkClick r:id="rId6"/>
            <a:extLst>
              <a:ext uri="{FF2B5EF4-FFF2-40B4-BE49-F238E27FC236}">
                <a16:creationId xmlns:a16="http://schemas.microsoft.com/office/drawing/2014/main" id="{CC778B32-F760-996F-9BBC-6F6501D06274}"/>
              </a:ext>
            </a:extLst>
          </p:cNvPr>
          <p:cNvSpPr/>
          <p:nvPr/>
        </p:nvSpPr>
        <p:spPr>
          <a:xfrm>
            <a:off x="10348305" y="5673220"/>
            <a:ext cx="1191298" cy="356911"/>
          </a:xfrm>
          <a:prstGeom prst="round2SameRect">
            <a:avLst>
              <a:gd name="adj1" fmla="val 38710"/>
              <a:gd name="adj2" fmla="val 32258"/>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demo</a:t>
            </a:r>
          </a:p>
        </p:txBody>
      </p:sp>
      <p:sp>
        <p:nvSpPr>
          <p:cNvPr id="7" name="Rectangle: Top Corners Rounded 6">
            <a:hlinkClick r:id="rId8"/>
            <a:extLst>
              <a:ext uri="{FF2B5EF4-FFF2-40B4-BE49-F238E27FC236}">
                <a16:creationId xmlns:a16="http://schemas.microsoft.com/office/drawing/2014/main" id="{E53D5503-05F4-9DAA-C6A6-329B5B0EF3CD}"/>
              </a:ext>
            </a:extLst>
          </p:cNvPr>
          <p:cNvSpPr/>
          <p:nvPr/>
        </p:nvSpPr>
        <p:spPr>
          <a:xfrm>
            <a:off x="4501932" y="5673221"/>
            <a:ext cx="1191298" cy="356911"/>
          </a:xfrm>
          <a:prstGeom prst="round2SameRect">
            <a:avLst>
              <a:gd name="adj1" fmla="val 38710"/>
              <a:gd name="adj2" fmla="val 32258"/>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demo</a:t>
            </a:r>
          </a:p>
        </p:txBody>
      </p:sp>
    </p:spTree>
    <p:custDataLst>
      <p:tags r:id="rId1"/>
    </p:custDataLst>
    <p:extLst>
      <p:ext uri="{BB962C8B-B14F-4D97-AF65-F5344CB8AC3E}">
        <p14:creationId xmlns:p14="http://schemas.microsoft.com/office/powerpoint/2010/main" val="2849408143"/>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074CE9D-3B7B-97C1-D6E6-6621761F40E1}"/>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DB980350-4DCE-C995-1E6B-8B0CBC49C20A}"/>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ED2E583D-A5DA-D139-00AF-058A1E41A806}"/>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91CD428A-9E75-377D-0BBD-4438D34A43BF}"/>
              </a:ext>
            </a:extLst>
          </p:cNvPr>
          <p:cNvSpPr>
            <a:spLocks noGrp="1"/>
          </p:cNvSpPr>
          <p:nvPr>
            <p:ph type="title"/>
          </p:nvPr>
        </p:nvSpPr>
        <p:spPr/>
        <p:txBody>
          <a:bodyPr>
            <a:normAutofit/>
          </a:bodyPr>
          <a:lstStyle/>
          <a:p>
            <a:r>
              <a:rPr lang="en-IN" b="1" dirty="0" err="1">
                <a:solidFill>
                  <a:schemeClr val="bg1"/>
                </a:solidFill>
                <a:ea typeface="Roboto SemiBold" panose="02000000000000000000" pitchFamily="2" charset="0"/>
              </a:rPr>
              <a:t>HeyGen</a:t>
            </a:r>
            <a:endParaRPr lang="en-IN" dirty="0">
              <a:solidFill>
                <a:schemeClr val="bg1"/>
              </a:solidFill>
              <a:ea typeface="Roboto SemiBold" panose="02000000000000000000" pitchFamily="2" charset="0"/>
            </a:endParaRPr>
          </a:p>
        </p:txBody>
      </p:sp>
      <p:sp>
        <p:nvSpPr>
          <p:cNvPr id="6" name="Content Placeholder 20">
            <a:extLst>
              <a:ext uri="{FF2B5EF4-FFF2-40B4-BE49-F238E27FC236}">
                <a16:creationId xmlns:a16="http://schemas.microsoft.com/office/drawing/2014/main" id="{9A2F6102-8736-7635-12F3-263E8581AA69}"/>
              </a:ext>
            </a:extLst>
          </p:cNvPr>
          <p:cNvSpPr>
            <a:spLocks noGrp="1"/>
          </p:cNvSpPr>
          <p:nvPr>
            <p:ph idx="1"/>
          </p:nvPr>
        </p:nvSpPr>
        <p:spPr>
          <a:xfrm>
            <a:off x="446939" y="1719363"/>
            <a:ext cx="9729448" cy="612073"/>
          </a:xfrm>
        </p:spPr>
        <p:txBody>
          <a:bodyPr>
            <a:noAutofit/>
          </a:bodyPr>
          <a:lstStyle/>
          <a:p>
            <a:pPr marL="0" indent="0">
              <a:lnSpc>
                <a:spcPct val="100000"/>
              </a:lnSpc>
              <a:buNone/>
            </a:pPr>
            <a:r>
              <a:rPr lang="en-US" sz="1400" b="1" dirty="0">
                <a:ea typeface="Roboto SemiBold" panose="02000000000000000000" pitchFamily="2" charset="0"/>
              </a:rPr>
              <a:t>Hyper-realistic</a:t>
            </a:r>
            <a:r>
              <a:rPr lang="en-US" sz="1400" dirty="0">
                <a:ea typeface="Roboto SemiBold" panose="02000000000000000000" pitchFamily="2" charset="0"/>
              </a:rPr>
              <a:t> video avatars with real-time lip sync and voice cloning capabilities</a:t>
            </a:r>
          </a:p>
        </p:txBody>
      </p:sp>
      <p:sp>
        <p:nvSpPr>
          <p:cNvPr id="10" name="Content Placeholder 20">
            <a:extLst>
              <a:ext uri="{FF2B5EF4-FFF2-40B4-BE49-F238E27FC236}">
                <a16:creationId xmlns:a16="http://schemas.microsoft.com/office/drawing/2014/main" id="{FC30FDD3-828A-C5EA-E3A7-70776F76DC90}"/>
              </a:ext>
            </a:extLst>
          </p:cNvPr>
          <p:cNvSpPr txBox="1">
            <a:spLocks/>
          </p:cNvSpPr>
          <p:nvPr/>
        </p:nvSpPr>
        <p:spPr>
          <a:xfrm>
            <a:off x="4232654" y="2305374"/>
            <a:ext cx="3726692" cy="61207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lnSpc>
                <a:spcPct val="100000"/>
              </a:lnSpc>
              <a:buNone/>
            </a:pPr>
            <a:r>
              <a:rPr lang="en-US" sz="1400" b="1" dirty="0">
                <a:latin typeface="Roboto SemiBold" panose="02000000000000000000" pitchFamily="2" charset="0"/>
                <a:ea typeface="Roboto SemiBold" panose="02000000000000000000" pitchFamily="2" charset="0"/>
              </a:rPr>
              <a:t>Key Upgrades/Capabilities</a:t>
            </a:r>
            <a:endParaRPr lang="en-IN" sz="1400" b="1" dirty="0">
              <a:latin typeface="Roboto SemiBold" panose="02000000000000000000" pitchFamily="2" charset="0"/>
              <a:ea typeface="Roboto SemiBold" panose="02000000000000000000" pitchFamily="2" charset="0"/>
            </a:endParaRPr>
          </a:p>
        </p:txBody>
      </p:sp>
      <p:grpSp>
        <p:nvGrpSpPr>
          <p:cNvPr id="77" name="Group 76">
            <a:extLst>
              <a:ext uri="{FF2B5EF4-FFF2-40B4-BE49-F238E27FC236}">
                <a16:creationId xmlns:a16="http://schemas.microsoft.com/office/drawing/2014/main" id="{07814C96-AD1D-D459-2D8E-AEB5C3E79532}"/>
              </a:ext>
            </a:extLst>
          </p:cNvPr>
          <p:cNvGrpSpPr/>
          <p:nvPr/>
        </p:nvGrpSpPr>
        <p:grpSpPr>
          <a:xfrm>
            <a:off x="886336" y="2742750"/>
            <a:ext cx="10539115" cy="3567629"/>
            <a:chOff x="827313" y="2729938"/>
            <a:chExt cx="10539115" cy="3567629"/>
          </a:xfrm>
        </p:grpSpPr>
        <p:grpSp>
          <p:nvGrpSpPr>
            <p:cNvPr id="12" name="Group 11">
              <a:extLst>
                <a:ext uri="{FF2B5EF4-FFF2-40B4-BE49-F238E27FC236}">
                  <a16:creationId xmlns:a16="http://schemas.microsoft.com/office/drawing/2014/main" id="{7E64DF65-CF66-61D2-C8BD-5042E890DEF6}"/>
                </a:ext>
              </a:extLst>
            </p:cNvPr>
            <p:cNvGrpSpPr/>
            <p:nvPr/>
          </p:nvGrpSpPr>
          <p:grpSpPr>
            <a:xfrm>
              <a:off x="1006444" y="3355610"/>
              <a:ext cx="255560" cy="255558"/>
              <a:chOff x="532914" y="2954233"/>
              <a:chExt cx="358343" cy="358343"/>
            </a:xfrm>
          </p:grpSpPr>
          <p:sp>
            <p:nvSpPr>
              <p:cNvPr id="74" name="Oval 73">
                <a:extLst>
                  <a:ext uri="{FF2B5EF4-FFF2-40B4-BE49-F238E27FC236}">
                    <a16:creationId xmlns:a16="http://schemas.microsoft.com/office/drawing/2014/main" id="{EDD57E78-16D5-749F-3519-E0796F0E2759}"/>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75" name="Graphic 74" descr="Checkmark outline">
                <a:extLst>
                  <a:ext uri="{FF2B5EF4-FFF2-40B4-BE49-F238E27FC236}">
                    <a16:creationId xmlns:a16="http://schemas.microsoft.com/office/drawing/2014/main" id="{76209F86-03BA-5452-84A8-CA3DED3ADFF7}"/>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sp>
          <p:nvSpPr>
            <p:cNvPr id="13" name="Rectangle: Rounded Corners 12">
              <a:extLst>
                <a:ext uri="{FF2B5EF4-FFF2-40B4-BE49-F238E27FC236}">
                  <a16:creationId xmlns:a16="http://schemas.microsoft.com/office/drawing/2014/main" id="{E54BE0DC-B573-D0AF-80CB-7747F9CFCFDE}"/>
                </a:ext>
              </a:extLst>
            </p:cNvPr>
            <p:cNvSpPr/>
            <p:nvPr/>
          </p:nvSpPr>
          <p:spPr>
            <a:xfrm>
              <a:off x="827313" y="3123389"/>
              <a:ext cx="354786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4" name="Content Placeholder 20">
              <a:extLst>
                <a:ext uri="{FF2B5EF4-FFF2-40B4-BE49-F238E27FC236}">
                  <a16:creationId xmlns:a16="http://schemas.microsoft.com/office/drawing/2014/main" id="{926A53D9-19BB-E900-C9F8-4127B8B99CB8}"/>
                </a:ext>
              </a:extLst>
            </p:cNvPr>
            <p:cNvSpPr txBox="1">
              <a:spLocks/>
            </p:cNvSpPr>
            <p:nvPr/>
          </p:nvSpPr>
          <p:spPr>
            <a:xfrm>
              <a:off x="1335822" y="3236597"/>
              <a:ext cx="2502698" cy="47181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Create realistic avatars from a photo or short video</a:t>
              </a:r>
            </a:p>
          </p:txBody>
        </p:sp>
        <p:sp>
          <p:nvSpPr>
            <p:cNvPr id="15" name="Content Placeholder 20">
              <a:extLst>
                <a:ext uri="{FF2B5EF4-FFF2-40B4-BE49-F238E27FC236}">
                  <a16:creationId xmlns:a16="http://schemas.microsoft.com/office/drawing/2014/main" id="{211A6088-2C16-E0F3-0221-03154CF972FD}"/>
                </a:ext>
              </a:extLst>
            </p:cNvPr>
            <p:cNvSpPr txBox="1">
              <a:spLocks/>
            </p:cNvSpPr>
            <p:nvPr/>
          </p:nvSpPr>
          <p:spPr>
            <a:xfrm>
              <a:off x="1335822" y="4156625"/>
              <a:ext cx="2687173" cy="47181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Convert PPT/PDF into video using an AI video assistant</a:t>
              </a:r>
            </a:p>
          </p:txBody>
        </p:sp>
        <p:sp>
          <p:nvSpPr>
            <p:cNvPr id="20" name="Content Placeholder 20">
              <a:extLst>
                <a:ext uri="{FF2B5EF4-FFF2-40B4-BE49-F238E27FC236}">
                  <a16:creationId xmlns:a16="http://schemas.microsoft.com/office/drawing/2014/main" id="{63F8A863-B038-5141-8F5F-0D77B954B129}"/>
                </a:ext>
              </a:extLst>
            </p:cNvPr>
            <p:cNvSpPr txBox="1">
              <a:spLocks/>
            </p:cNvSpPr>
            <p:nvPr/>
          </p:nvSpPr>
          <p:spPr>
            <a:xfrm>
              <a:off x="8247317" y="4146431"/>
              <a:ext cx="2442456" cy="415600"/>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it-IT" sz="1400" dirty="0">
                  <a:latin typeface="Roboto SemiBold" panose="02000000000000000000" pitchFamily="2" charset="0"/>
                  <a:ea typeface="Roboto SemiBold" panose="02000000000000000000" pitchFamily="2" charset="0"/>
                </a:rPr>
                <a:t>Support AI video dubbing in 175+ Languages</a:t>
              </a:r>
            </a:p>
          </p:txBody>
        </p:sp>
        <p:sp>
          <p:nvSpPr>
            <p:cNvPr id="22" name="Rectangle: Rounded Corners 21">
              <a:extLst>
                <a:ext uri="{FF2B5EF4-FFF2-40B4-BE49-F238E27FC236}">
                  <a16:creationId xmlns:a16="http://schemas.microsoft.com/office/drawing/2014/main" id="{F38EF094-4DF1-9E1D-13B8-E7CB037FAB43}"/>
                </a:ext>
              </a:extLst>
            </p:cNvPr>
            <p:cNvSpPr/>
            <p:nvPr/>
          </p:nvSpPr>
          <p:spPr>
            <a:xfrm>
              <a:off x="827313" y="4032531"/>
              <a:ext cx="354786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25" name="Group 24">
              <a:extLst>
                <a:ext uri="{FF2B5EF4-FFF2-40B4-BE49-F238E27FC236}">
                  <a16:creationId xmlns:a16="http://schemas.microsoft.com/office/drawing/2014/main" id="{B5FC7241-E9E3-FA9A-965C-4643BFB772DC}"/>
                </a:ext>
              </a:extLst>
            </p:cNvPr>
            <p:cNvGrpSpPr/>
            <p:nvPr/>
          </p:nvGrpSpPr>
          <p:grpSpPr>
            <a:xfrm>
              <a:off x="3738939" y="5577567"/>
              <a:ext cx="4714123" cy="720000"/>
              <a:chOff x="4534048" y="5717775"/>
              <a:chExt cx="4714123" cy="720000"/>
            </a:xfrm>
          </p:grpSpPr>
          <p:sp>
            <p:nvSpPr>
              <p:cNvPr id="69" name="Content Placeholder 20">
                <a:extLst>
                  <a:ext uri="{FF2B5EF4-FFF2-40B4-BE49-F238E27FC236}">
                    <a16:creationId xmlns:a16="http://schemas.microsoft.com/office/drawing/2014/main" id="{EB2ED23B-9B14-107F-D39B-65729DC93677}"/>
                  </a:ext>
                </a:extLst>
              </p:cNvPr>
              <p:cNvSpPr txBox="1">
                <a:spLocks/>
              </p:cNvSpPr>
              <p:nvPr/>
            </p:nvSpPr>
            <p:spPr>
              <a:xfrm>
                <a:off x="5042556" y="5841869"/>
                <a:ext cx="4008845" cy="47181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Enable Live Avatar: AI chatbot with a human-like face for the live video interaction</a:t>
                </a:r>
              </a:p>
            </p:txBody>
          </p:sp>
          <p:sp>
            <p:nvSpPr>
              <p:cNvPr id="70" name="Rectangle: Rounded Corners 69">
                <a:extLst>
                  <a:ext uri="{FF2B5EF4-FFF2-40B4-BE49-F238E27FC236}">
                    <a16:creationId xmlns:a16="http://schemas.microsoft.com/office/drawing/2014/main" id="{A6152963-FBED-7953-0057-F64C3EA6573D}"/>
                  </a:ext>
                </a:extLst>
              </p:cNvPr>
              <p:cNvSpPr/>
              <p:nvPr/>
            </p:nvSpPr>
            <p:spPr>
              <a:xfrm>
                <a:off x="4534048" y="5717775"/>
                <a:ext cx="4714123"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71" name="Group 70">
                <a:extLst>
                  <a:ext uri="{FF2B5EF4-FFF2-40B4-BE49-F238E27FC236}">
                    <a16:creationId xmlns:a16="http://schemas.microsoft.com/office/drawing/2014/main" id="{0D0A30F5-5DF3-78ED-7642-813A2D103CFA}"/>
                  </a:ext>
                </a:extLst>
              </p:cNvPr>
              <p:cNvGrpSpPr/>
              <p:nvPr/>
            </p:nvGrpSpPr>
            <p:grpSpPr>
              <a:xfrm>
                <a:off x="4713180" y="5949996"/>
                <a:ext cx="255560" cy="255558"/>
                <a:chOff x="532914" y="2954233"/>
                <a:chExt cx="358343" cy="358343"/>
              </a:xfrm>
            </p:grpSpPr>
            <p:sp>
              <p:nvSpPr>
                <p:cNvPr id="72" name="Oval 71">
                  <a:extLst>
                    <a:ext uri="{FF2B5EF4-FFF2-40B4-BE49-F238E27FC236}">
                      <a16:creationId xmlns:a16="http://schemas.microsoft.com/office/drawing/2014/main" id="{CF71EC32-FD5A-36BC-8B5E-120164BFC71F}"/>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73" name="Graphic 72" descr="Checkmark outline">
                  <a:extLst>
                    <a:ext uri="{FF2B5EF4-FFF2-40B4-BE49-F238E27FC236}">
                      <a16:creationId xmlns:a16="http://schemas.microsoft.com/office/drawing/2014/main" id="{2F694BC7-532F-F7B2-AD06-9BDC34F4846D}"/>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grpSp>
        <p:grpSp>
          <p:nvGrpSpPr>
            <p:cNvPr id="26" name="Group 25">
              <a:extLst>
                <a:ext uri="{FF2B5EF4-FFF2-40B4-BE49-F238E27FC236}">
                  <a16:creationId xmlns:a16="http://schemas.microsoft.com/office/drawing/2014/main" id="{BD59823D-A1B0-598D-9FD7-B968D390A563}"/>
                </a:ext>
              </a:extLst>
            </p:cNvPr>
            <p:cNvGrpSpPr/>
            <p:nvPr/>
          </p:nvGrpSpPr>
          <p:grpSpPr>
            <a:xfrm>
              <a:off x="1017329" y="4264752"/>
              <a:ext cx="255560" cy="255558"/>
              <a:chOff x="532914" y="2954233"/>
              <a:chExt cx="358343" cy="358343"/>
            </a:xfrm>
          </p:grpSpPr>
          <p:sp>
            <p:nvSpPr>
              <p:cNvPr id="67" name="Oval 66">
                <a:extLst>
                  <a:ext uri="{FF2B5EF4-FFF2-40B4-BE49-F238E27FC236}">
                    <a16:creationId xmlns:a16="http://schemas.microsoft.com/office/drawing/2014/main" id="{AC904B83-6C43-3395-1C61-D10079F74FBC}"/>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68" name="Graphic 67" descr="Checkmark outline">
                <a:extLst>
                  <a:ext uri="{FF2B5EF4-FFF2-40B4-BE49-F238E27FC236}">
                    <a16:creationId xmlns:a16="http://schemas.microsoft.com/office/drawing/2014/main" id="{48B2CAC5-4A28-4A53-4733-039912495C19}"/>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grpSp>
          <p:nvGrpSpPr>
            <p:cNvPr id="27" name="Group 26">
              <a:extLst>
                <a:ext uri="{FF2B5EF4-FFF2-40B4-BE49-F238E27FC236}">
                  <a16:creationId xmlns:a16="http://schemas.microsoft.com/office/drawing/2014/main" id="{AB8763DE-ABBE-7CAC-528E-F6D804C37214}"/>
                </a:ext>
              </a:extLst>
            </p:cNvPr>
            <p:cNvGrpSpPr/>
            <p:nvPr/>
          </p:nvGrpSpPr>
          <p:grpSpPr>
            <a:xfrm>
              <a:off x="7943193" y="3380306"/>
              <a:ext cx="255560" cy="255558"/>
              <a:chOff x="532914" y="2954233"/>
              <a:chExt cx="358343" cy="358343"/>
            </a:xfrm>
          </p:grpSpPr>
          <p:sp>
            <p:nvSpPr>
              <p:cNvPr id="65" name="Oval 64">
                <a:extLst>
                  <a:ext uri="{FF2B5EF4-FFF2-40B4-BE49-F238E27FC236}">
                    <a16:creationId xmlns:a16="http://schemas.microsoft.com/office/drawing/2014/main" id="{8A7C6A89-BC13-DB43-628E-C79994E310AC}"/>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66" name="Graphic 65" descr="Checkmark outline">
                <a:extLst>
                  <a:ext uri="{FF2B5EF4-FFF2-40B4-BE49-F238E27FC236}">
                    <a16:creationId xmlns:a16="http://schemas.microsoft.com/office/drawing/2014/main" id="{FF09FA8B-3FC7-16E8-CDB2-137AA11BB318}"/>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grpSp>
          <p:nvGrpSpPr>
            <p:cNvPr id="28" name="Group 27">
              <a:extLst>
                <a:ext uri="{FF2B5EF4-FFF2-40B4-BE49-F238E27FC236}">
                  <a16:creationId xmlns:a16="http://schemas.microsoft.com/office/drawing/2014/main" id="{D80F2CF2-9957-67F5-7381-DF24E2E40E56}"/>
                </a:ext>
              </a:extLst>
            </p:cNvPr>
            <p:cNvGrpSpPr/>
            <p:nvPr/>
          </p:nvGrpSpPr>
          <p:grpSpPr>
            <a:xfrm>
              <a:off x="7954079" y="4297413"/>
              <a:ext cx="255560" cy="255558"/>
              <a:chOff x="532914" y="2954233"/>
              <a:chExt cx="358343" cy="358343"/>
            </a:xfrm>
          </p:grpSpPr>
          <p:sp>
            <p:nvSpPr>
              <p:cNvPr id="63" name="Oval 62">
                <a:extLst>
                  <a:ext uri="{FF2B5EF4-FFF2-40B4-BE49-F238E27FC236}">
                    <a16:creationId xmlns:a16="http://schemas.microsoft.com/office/drawing/2014/main" id="{1055E9BF-16AA-5919-4279-B7041312CD9B}"/>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64" name="Graphic 63" descr="Checkmark outline">
                <a:extLst>
                  <a:ext uri="{FF2B5EF4-FFF2-40B4-BE49-F238E27FC236}">
                    <a16:creationId xmlns:a16="http://schemas.microsoft.com/office/drawing/2014/main" id="{7A634E93-70AD-C5F5-CF7A-CE3BD256BA9A}"/>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sp>
          <p:nvSpPr>
            <p:cNvPr id="29" name="Oval 28">
              <a:extLst>
                <a:ext uri="{FF2B5EF4-FFF2-40B4-BE49-F238E27FC236}">
                  <a16:creationId xmlns:a16="http://schemas.microsoft.com/office/drawing/2014/main" id="{63C2EAE6-77E7-F9A0-DCDF-52CD50D5C13F}"/>
                </a:ext>
              </a:extLst>
            </p:cNvPr>
            <p:cNvSpPr/>
            <p:nvPr/>
          </p:nvSpPr>
          <p:spPr>
            <a:xfrm>
              <a:off x="4993485" y="2894760"/>
              <a:ext cx="2205030" cy="2205030"/>
            </a:xfrm>
            <a:prstGeom prst="ellipse">
              <a:avLst/>
            </a:prstGeom>
            <a:noFill/>
            <a:ln w="12700">
              <a:solidFill>
                <a:srgbClr val="A65AF9"/>
              </a:solidFill>
              <a:prstDash val="dash"/>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30" name="Group 29">
              <a:extLst>
                <a:ext uri="{FF2B5EF4-FFF2-40B4-BE49-F238E27FC236}">
                  <a16:creationId xmlns:a16="http://schemas.microsoft.com/office/drawing/2014/main" id="{C5E69BE2-120E-EB41-980E-809BF370666F}"/>
                </a:ext>
              </a:extLst>
            </p:cNvPr>
            <p:cNvGrpSpPr/>
            <p:nvPr/>
          </p:nvGrpSpPr>
          <p:grpSpPr>
            <a:xfrm flipV="1">
              <a:off x="4382392" y="4170692"/>
              <a:ext cx="513951" cy="232691"/>
              <a:chOff x="4538460" y="3282447"/>
              <a:chExt cx="513951" cy="232691"/>
            </a:xfrm>
          </p:grpSpPr>
          <p:cxnSp>
            <p:nvCxnSpPr>
              <p:cNvPr id="60" name="Straight Connector 59">
                <a:extLst>
                  <a:ext uri="{FF2B5EF4-FFF2-40B4-BE49-F238E27FC236}">
                    <a16:creationId xmlns:a16="http://schemas.microsoft.com/office/drawing/2014/main" id="{4C942669-57BD-844F-0724-CFE23C3E5EF9}"/>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61" name="Straight Connector 60">
                <a:extLst>
                  <a:ext uri="{FF2B5EF4-FFF2-40B4-BE49-F238E27FC236}">
                    <a16:creationId xmlns:a16="http://schemas.microsoft.com/office/drawing/2014/main" id="{ABA01F7C-4C33-F1E0-1976-342C3CDD036D}"/>
                  </a:ext>
                </a:extLst>
              </p:cNvPr>
              <p:cNvCxnSpPr>
                <a:cxnSpLocks/>
              </p:cNvCxnSpPr>
              <p:nvPr/>
            </p:nvCxnSpPr>
            <p:spPr>
              <a:xfrm flipV="1">
                <a:off x="4538460" y="3282447"/>
                <a:ext cx="266101" cy="1"/>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62" name="Oval 61">
                <a:extLst>
                  <a:ext uri="{FF2B5EF4-FFF2-40B4-BE49-F238E27FC236}">
                    <a16:creationId xmlns:a16="http://schemas.microsoft.com/office/drawing/2014/main" id="{C9F8B3CE-0237-0FE7-3168-9F0C56615DF4}"/>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sp>
          <p:nvSpPr>
            <p:cNvPr id="32" name="Rectangle: Rounded Corners 31">
              <a:extLst>
                <a:ext uri="{FF2B5EF4-FFF2-40B4-BE49-F238E27FC236}">
                  <a16:creationId xmlns:a16="http://schemas.microsoft.com/office/drawing/2014/main" id="{BF2CB246-850A-DC29-1D96-E09D1E7FD95E}"/>
                </a:ext>
              </a:extLst>
            </p:cNvPr>
            <p:cNvSpPr/>
            <p:nvPr/>
          </p:nvSpPr>
          <p:spPr>
            <a:xfrm>
              <a:off x="7816828" y="3136856"/>
              <a:ext cx="354960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33" name="Rectangle: Rounded Corners 32">
              <a:extLst>
                <a:ext uri="{FF2B5EF4-FFF2-40B4-BE49-F238E27FC236}">
                  <a16:creationId xmlns:a16="http://schemas.microsoft.com/office/drawing/2014/main" id="{4A5F0006-0C7E-858D-50A7-9AF79CBEDAE8}"/>
                </a:ext>
              </a:extLst>
            </p:cNvPr>
            <p:cNvSpPr/>
            <p:nvPr/>
          </p:nvSpPr>
          <p:spPr>
            <a:xfrm>
              <a:off x="7816828" y="4032531"/>
              <a:ext cx="354960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34" name="Group 33">
              <a:extLst>
                <a:ext uri="{FF2B5EF4-FFF2-40B4-BE49-F238E27FC236}">
                  <a16:creationId xmlns:a16="http://schemas.microsoft.com/office/drawing/2014/main" id="{162655C0-6A0D-E904-27FD-48E315AC2BCB}"/>
                </a:ext>
              </a:extLst>
            </p:cNvPr>
            <p:cNvGrpSpPr/>
            <p:nvPr/>
          </p:nvGrpSpPr>
          <p:grpSpPr>
            <a:xfrm flipH="1" flipV="1">
              <a:off x="7303912" y="4203353"/>
              <a:ext cx="513951" cy="232691"/>
              <a:chOff x="4538460" y="3282447"/>
              <a:chExt cx="513951" cy="232691"/>
            </a:xfrm>
          </p:grpSpPr>
          <p:cxnSp>
            <p:nvCxnSpPr>
              <p:cNvPr id="50" name="Straight Connector 49">
                <a:extLst>
                  <a:ext uri="{FF2B5EF4-FFF2-40B4-BE49-F238E27FC236}">
                    <a16:creationId xmlns:a16="http://schemas.microsoft.com/office/drawing/2014/main" id="{DB94AF00-8D10-334A-0A43-0C0FD919CAE1}"/>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51" name="Straight Connector 50">
                <a:extLst>
                  <a:ext uri="{FF2B5EF4-FFF2-40B4-BE49-F238E27FC236}">
                    <a16:creationId xmlns:a16="http://schemas.microsoft.com/office/drawing/2014/main" id="{51B6B4BB-67F9-954D-A342-6FE1C9B198BD}"/>
                  </a:ext>
                </a:extLst>
              </p:cNvPr>
              <p:cNvCxnSpPr>
                <a:cxnSpLocks/>
              </p:cNvCxnSpPr>
              <p:nvPr/>
            </p:nvCxnSpPr>
            <p:spPr>
              <a:xfrm flipV="1">
                <a:off x="4538460" y="3282447"/>
                <a:ext cx="266101" cy="1"/>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59" name="Oval 58">
                <a:extLst>
                  <a:ext uri="{FF2B5EF4-FFF2-40B4-BE49-F238E27FC236}">
                    <a16:creationId xmlns:a16="http://schemas.microsoft.com/office/drawing/2014/main" id="{A995B85A-D0C9-6EB8-D7FE-49428BF71AD9}"/>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grpSp>
          <p:nvGrpSpPr>
            <p:cNvPr id="35" name="Group 34">
              <a:extLst>
                <a:ext uri="{FF2B5EF4-FFF2-40B4-BE49-F238E27FC236}">
                  <a16:creationId xmlns:a16="http://schemas.microsoft.com/office/drawing/2014/main" id="{01E6D44F-26F4-1873-4735-6DA315AE4782}"/>
                </a:ext>
              </a:extLst>
            </p:cNvPr>
            <p:cNvGrpSpPr/>
            <p:nvPr/>
          </p:nvGrpSpPr>
          <p:grpSpPr>
            <a:xfrm flipH="1">
              <a:off x="7297168" y="3508757"/>
              <a:ext cx="513950" cy="230658"/>
              <a:chOff x="4538461" y="3284480"/>
              <a:chExt cx="513950" cy="230658"/>
            </a:xfrm>
          </p:grpSpPr>
          <p:cxnSp>
            <p:nvCxnSpPr>
              <p:cNvPr id="46" name="Straight Connector 45">
                <a:extLst>
                  <a:ext uri="{FF2B5EF4-FFF2-40B4-BE49-F238E27FC236}">
                    <a16:creationId xmlns:a16="http://schemas.microsoft.com/office/drawing/2014/main" id="{AE81BB32-5570-2364-2762-172DC7D0245C}"/>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48" name="Straight Connector 47">
                <a:extLst>
                  <a:ext uri="{FF2B5EF4-FFF2-40B4-BE49-F238E27FC236}">
                    <a16:creationId xmlns:a16="http://schemas.microsoft.com/office/drawing/2014/main" id="{9E819999-0064-1CB8-3993-36960142EEEC}"/>
                  </a:ext>
                </a:extLst>
              </p:cNvPr>
              <p:cNvCxnSpPr>
                <a:cxnSpLocks/>
              </p:cNvCxnSpPr>
              <p:nvPr/>
            </p:nvCxnSpPr>
            <p:spPr>
              <a:xfrm>
                <a:off x="4538461" y="3284481"/>
                <a:ext cx="273105" cy="0"/>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49" name="Oval 48">
                <a:extLst>
                  <a:ext uri="{FF2B5EF4-FFF2-40B4-BE49-F238E27FC236}">
                    <a16:creationId xmlns:a16="http://schemas.microsoft.com/office/drawing/2014/main" id="{B0114EB7-E984-94CD-618C-CD8FCAA1E9EE}"/>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pic>
          <p:nvPicPr>
            <p:cNvPr id="36" name="Picture 35" descr="Jobs at HeyGen">
              <a:extLst>
                <a:ext uri="{FF2B5EF4-FFF2-40B4-BE49-F238E27FC236}">
                  <a16:creationId xmlns:a16="http://schemas.microsoft.com/office/drawing/2014/main" id="{12534EB2-3651-1A4E-E9DA-CEE53A928E91}"/>
                </a:ext>
              </a:extLst>
            </p:cNvPr>
            <p:cNvPicPr>
              <a:picLocks noChangeAspect="1"/>
            </p:cNvPicPr>
            <p:nvPr/>
          </p:nvPicPr>
          <p:blipFill>
            <a:blip r:embed="rId5"/>
            <a:stretch>
              <a:fillRect/>
            </a:stretch>
          </p:blipFill>
          <p:spPr>
            <a:xfrm>
              <a:off x="5384751" y="3834642"/>
              <a:ext cx="1422499" cy="325266"/>
            </a:xfrm>
            <a:prstGeom prst="rect">
              <a:avLst/>
            </a:prstGeom>
          </p:spPr>
        </p:pic>
        <p:sp>
          <p:nvSpPr>
            <p:cNvPr id="38" name="Content Placeholder 20">
              <a:extLst>
                <a:ext uri="{FF2B5EF4-FFF2-40B4-BE49-F238E27FC236}">
                  <a16:creationId xmlns:a16="http://schemas.microsoft.com/office/drawing/2014/main" id="{30362C69-4326-E47D-C572-BE9ABB12DFE6}"/>
                </a:ext>
              </a:extLst>
            </p:cNvPr>
            <p:cNvSpPr txBox="1">
              <a:spLocks/>
            </p:cNvSpPr>
            <p:nvPr/>
          </p:nvSpPr>
          <p:spPr>
            <a:xfrm>
              <a:off x="8247317" y="3282333"/>
              <a:ext cx="2927354" cy="32067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Power Ai video agents for conversational learning</a:t>
              </a:r>
            </a:p>
          </p:txBody>
        </p:sp>
        <p:grpSp>
          <p:nvGrpSpPr>
            <p:cNvPr id="39" name="Group 38">
              <a:extLst>
                <a:ext uri="{FF2B5EF4-FFF2-40B4-BE49-F238E27FC236}">
                  <a16:creationId xmlns:a16="http://schemas.microsoft.com/office/drawing/2014/main" id="{6E6BF34A-0ACD-622B-43E9-4D2C52377510}"/>
                </a:ext>
              </a:extLst>
            </p:cNvPr>
            <p:cNvGrpSpPr/>
            <p:nvPr/>
          </p:nvGrpSpPr>
          <p:grpSpPr>
            <a:xfrm>
              <a:off x="4382392" y="3507741"/>
              <a:ext cx="513951" cy="232691"/>
              <a:chOff x="4538460" y="3282447"/>
              <a:chExt cx="513951" cy="232691"/>
            </a:xfrm>
          </p:grpSpPr>
          <p:cxnSp>
            <p:nvCxnSpPr>
              <p:cNvPr id="43" name="Straight Connector 42">
                <a:extLst>
                  <a:ext uri="{FF2B5EF4-FFF2-40B4-BE49-F238E27FC236}">
                    <a16:creationId xmlns:a16="http://schemas.microsoft.com/office/drawing/2014/main" id="{2E212F32-C86D-E726-08E3-0F8F034872E8}"/>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44" name="Straight Connector 43">
                <a:extLst>
                  <a:ext uri="{FF2B5EF4-FFF2-40B4-BE49-F238E27FC236}">
                    <a16:creationId xmlns:a16="http://schemas.microsoft.com/office/drawing/2014/main" id="{4633E1F2-8E57-EFA9-0437-4D484F977FE0}"/>
                  </a:ext>
                </a:extLst>
              </p:cNvPr>
              <p:cNvCxnSpPr>
                <a:cxnSpLocks/>
              </p:cNvCxnSpPr>
              <p:nvPr/>
            </p:nvCxnSpPr>
            <p:spPr>
              <a:xfrm flipV="1">
                <a:off x="4538460" y="3282447"/>
                <a:ext cx="266101" cy="1"/>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45" name="Oval 44">
                <a:extLst>
                  <a:ext uri="{FF2B5EF4-FFF2-40B4-BE49-F238E27FC236}">
                    <a16:creationId xmlns:a16="http://schemas.microsoft.com/office/drawing/2014/main" id="{C26DE37E-240A-BDBA-6034-D52214A04FA7}"/>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grpSp>
          <p:nvGrpSpPr>
            <p:cNvPr id="40" name="Group 39">
              <a:extLst>
                <a:ext uri="{FF2B5EF4-FFF2-40B4-BE49-F238E27FC236}">
                  <a16:creationId xmlns:a16="http://schemas.microsoft.com/office/drawing/2014/main" id="{43F83BC1-3DB5-FF00-39AF-1A2A58D62675}"/>
                </a:ext>
              </a:extLst>
            </p:cNvPr>
            <p:cNvGrpSpPr/>
            <p:nvPr/>
          </p:nvGrpSpPr>
          <p:grpSpPr>
            <a:xfrm rot="16200000" flipV="1">
              <a:off x="5912000" y="5348978"/>
              <a:ext cx="367999" cy="89726"/>
              <a:chOff x="4482207" y="3237585"/>
              <a:chExt cx="367999" cy="89726"/>
            </a:xfrm>
          </p:grpSpPr>
          <p:cxnSp>
            <p:nvCxnSpPr>
              <p:cNvPr id="41" name="Straight Connector 40">
                <a:extLst>
                  <a:ext uri="{FF2B5EF4-FFF2-40B4-BE49-F238E27FC236}">
                    <a16:creationId xmlns:a16="http://schemas.microsoft.com/office/drawing/2014/main" id="{C4036AAB-CEE1-CBCF-0BBA-C5E75AC61D51}"/>
                  </a:ext>
                </a:extLst>
              </p:cNvPr>
              <p:cNvCxnSpPr>
                <a:cxnSpLocks/>
              </p:cNvCxnSpPr>
              <p:nvPr/>
            </p:nvCxnSpPr>
            <p:spPr>
              <a:xfrm rot="16200000">
                <a:off x="4643384" y="3121270"/>
                <a:ext cx="0" cy="322353"/>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42" name="Oval 41">
                <a:extLst>
                  <a:ext uri="{FF2B5EF4-FFF2-40B4-BE49-F238E27FC236}">
                    <a16:creationId xmlns:a16="http://schemas.microsoft.com/office/drawing/2014/main" id="{E0A44485-185F-497F-F777-5DC45BA63F74}"/>
                  </a:ext>
                </a:extLst>
              </p:cNvPr>
              <p:cNvSpPr/>
              <p:nvPr/>
            </p:nvSpPr>
            <p:spPr>
              <a:xfrm>
                <a:off x="4760480" y="3237585"/>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sp>
          <p:nvSpPr>
            <p:cNvPr id="76" name="Oval 75">
              <a:extLst>
                <a:ext uri="{FF2B5EF4-FFF2-40B4-BE49-F238E27FC236}">
                  <a16:creationId xmlns:a16="http://schemas.microsoft.com/office/drawing/2014/main" id="{4037AEBA-585C-EE28-8D64-B68253439848}"/>
                </a:ext>
              </a:extLst>
            </p:cNvPr>
            <p:cNvSpPr/>
            <p:nvPr/>
          </p:nvSpPr>
          <p:spPr>
            <a:xfrm>
              <a:off x="4828663" y="2729938"/>
              <a:ext cx="2534675" cy="2534675"/>
            </a:xfrm>
            <a:prstGeom prst="ellipse">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spTree>
    <p:extLst>
      <p:ext uri="{BB962C8B-B14F-4D97-AF65-F5344CB8AC3E}">
        <p14:creationId xmlns:p14="http://schemas.microsoft.com/office/powerpoint/2010/main" val="4024640426"/>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E87FAFF-4858-0007-7D16-6A0FED551AD1}"/>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EA76CED0-ACD7-ABD9-E15E-2FE9F64F00DB}"/>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939E6F15-C9C2-EDE4-99E7-A3F6C25ADB0B}"/>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A133D56B-AAAD-D79C-252B-1A2E387B0A68}"/>
              </a:ext>
            </a:extLst>
          </p:cNvPr>
          <p:cNvSpPr>
            <a:spLocks noGrp="1"/>
          </p:cNvSpPr>
          <p:nvPr>
            <p:ph type="title"/>
          </p:nvPr>
        </p:nvSpPr>
        <p:spPr/>
        <p:txBody>
          <a:bodyPr>
            <a:normAutofit/>
          </a:bodyPr>
          <a:lstStyle/>
          <a:p>
            <a:r>
              <a:rPr lang="en-IN" b="1" dirty="0" err="1">
                <a:solidFill>
                  <a:schemeClr val="bg1"/>
                </a:solidFill>
                <a:ea typeface="Roboto SemiBold" panose="02000000000000000000" pitchFamily="2" charset="0"/>
              </a:rPr>
              <a:t>HeyGen</a:t>
            </a:r>
            <a:r>
              <a:rPr lang="en-IN" b="1" dirty="0">
                <a:solidFill>
                  <a:schemeClr val="bg1"/>
                </a:solidFill>
                <a:ea typeface="Roboto SemiBold" panose="02000000000000000000" pitchFamily="2" charset="0"/>
              </a:rPr>
              <a:t> </a:t>
            </a:r>
            <a:r>
              <a:rPr lang="en-IN" dirty="0">
                <a:solidFill>
                  <a:schemeClr val="bg1"/>
                </a:solidFill>
                <a:ea typeface="Roboto SemiBold" panose="02000000000000000000" pitchFamily="2" charset="0"/>
              </a:rPr>
              <a:t>Sample</a:t>
            </a:r>
          </a:p>
        </p:txBody>
      </p:sp>
      <p:sp>
        <p:nvSpPr>
          <p:cNvPr id="3" name="Rectangle: Rounded Corners 2">
            <a:hlinkClick r:id="rId4"/>
            <a:extLst>
              <a:ext uri="{FF2B5EF4-FFF2-40B4-BE49-F238E27FC236}">
                <a16:creationId xmlns:a16="http://schemas.microsoft.com/office/drawing/2014/main" id="{FA7DDC82-31F7-2334-9559-44B1203EBD0F}"/>
              </a:ext>
            </a:extLst>
          </p:cNvPr>
          <p:cNvSpPr/>
          <p:nvPr/>
        </p:nvSpPr>
        <p:spPr>
          <a:xfrm>
            <a:off x="10329485" y="4672944"/>
            <a:ext cx="1248127" cy="364046"/>
          </a:xfrm>
          <a:prstGeom prst="roundRect">
            <a:avLst>
              <a:gd name="adj" fmla="val 24882"/>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Demo</a:t>
            </a:r>
            <a:endParaRPr lang="en-IN" sz="1200" u="sng" dirty="0">
              <a:solidFill>
                <a:schemeClr val="bg1"/>
              </a:solidFill>
              <a:latin typeface="Roboto SemiBold" panose="02000000000000000000" pitchFamily="2" charset="0"/>
              <a:ea typeface="Roboto SemiBold" panose="02000000000000000000" pitchFamily="2" charset="0"/>
            </a:endParaRPr>
          </a:p>
        </p:txBody>
      </p:sp>
      <p:pic>
        <p:nvPicPr>
          <p:cNvPr id="5" name="Picture 4" descr="A screenshot of a video game&#10;&#10;Description automatically generated">
            <a:extLst>
              <a:ext uri="{FF2B5EF4-FFF2-40B4-BE49-F238E27FC236}">
                <a16:creationId xmlns:a16="http://schemas.microsoft.com/office/drawing/2014/main" id="{F584E671-0A54-D013-A169-956DFF73C817}"/>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6606533" y="1777318"/>
            <a:ext cx="4971079" cy="2795569"/>
          </a:xfrm>
          <a:prstGeom prst="roundRect">
            <a:avLst>
              <a:gd name="adj" fmla="val 1210"/>
            </a:avLst>
          </a:prstGeom>
          <a:ln>
            <a:solidFill>
              <a:schemeClr val="accent6">
                <a:lumMod val="50000"/>
              </a:schemeClr>
            </a:solidFill>
          </a:ln>
        </p:spPr>
      </p:pic>
      <p:sp>
        <p:nvSpPr>
          <p:cNvPr id="2" name="Content Placeholder 20">
            <a:extLst>
              <a:ext uri="{FF2B5EF4-FFF2-40B4-BE49-F238E27FC236}">
                <a16:creationId xmlns:a16="http://schemas.microsoft.com/office/drawing/2014/main" id="{1B6AD0A1-DACD-5D23-814A-219787E93A43}"/>
              </a:ext>
            </a:extLst>
          </p:cNvPr>
          <p:cNvSpPr>
            <a:spLocks noGrp="1"/>
          </p:cNvSpPr>
          <p:nvPr>
            <p:ph idx="1"/>
          </p:nvPr>
        </p:nvSpPr>
        <p:spPr>
          <a:xfrm>
            <a:off x="446939" y="1719363"/>
            <a:ext cx="5446965" cy="616334"/>
          </a:xfrm>
        </p:spPr>
        <p:txBody>
          <a:bodyPr>
            <a:noAutofit/>
          </a:bodyPr>
          <a:lstStyle/>
          <a:p>
            <a:pPr marL="0" indent="0">
              <a:lnSpc>
                <a:spcPct val="100000"/>
              </a:lnSpc>
              <a:buNone/>
            </a:pPr>
            <a:r>
              <a:rPr lang="en-US" sz="1400" dirty="0">
                <a:ea typeface="Roboto SemiBold" panose="02000000000000000000" pitchFamily="2" charset="0"/>
                <a:cs typeface="Roboto" panose="02000000000000000000" pitchFamily="2" charset="0"/>
              </a:rPr>
              <a:t>The demo showcases the use of the </a:t>
            </a:r>
            <a:r>
              <a:rPr lang="en-US" sz="1400" dirty="0" err="1">
                <a:ea typeface="Roboto SemiBold" panose="02000000000000000000" pitchFamily="2" charset="0"/>
                <a:cs typeface="Roboto" panose="02000000000000000000" pitchFamily="2" charset="0"/>
              </a:rPr>
              <a:t>HeyGen</a:t>
            </a:r>
            <a:r>
              <a:rPr lang="en-US" sz="1400" dirty="0">
                <a:ea typeface="Roboto SemiBold" panose="02000000000000000000" pitchFamily="2" charset="0"/>
                <a:cs typeface="Roboto" panose="02000000000000000000" pitchFamily="2" charset="0"/>
              </a:rPr>
              <a:t> AI avatar “IVY” to guide learners through an immersive conservation journey.</a:t>
            </a:r>
          </a:p>
        </p:txBody>
      </p:sp>
      <p:sp>
        <p:nvSpPr>
          <p:cNvPr id="4" name="TextBox 3">
            <a:extLst>
              <a:ext uri="{FF2B5EF4-FFF2-40B4-BE49-F238E27FC236}">
                <a16:creationId xmlns:a16="http://schemas.microsoft.com/office/drawing/2014/main" id="{252016EA-0289-CFD7-5246-B8D796E27342}"/>
              </a:ext>
            </a:extLst>
          </p:cNvPr>
          <p:cNvSpPr txBox="1"/>
          <p:nvPr/>
        </p:nvSpPr>
        <p:spPr>
          <a:xfrm>
            <a:off x="446939" y="2428618"/>
            <a:ext cx="5649061" cy="2887970"/>
          </a:xfrm>
          <a:prstGeom prst="rect">
            <a:avLst/>
          </a:prstGeom>
          <a:noFill/>
        </p:spPr>
        <p:txBody>
          <a:bodyPr wrap="square">
            <a:spAutoFit/>
          </a:bodyPr>
          <a:lstStyle/>
          <a:p>
            <a:r>
              <a:rPr lang="en-US" sz="1400" b="1" dirty="0">
                <a:latin typeface="Roboto SemiBold" panose="02000000000000000000" pitchFamily="2" charset="0"/>
                <a:ea typeface="Roboto SemiBold" panose="02000000000000000000" pitchFamily="2" charset="0"/>
              </a:rPr>
              <a:t>Key Benefits</a:t>
            </a:r>
            <a:r>
              <a:rPr lang="en-US" sz="1400" dirty="0">
                <a:latin typeface="Roboto SemiBold" panose="02000000000000000000" pitchFamily="2" charset="0"/>
                <a:ea typeface="Roboto SemiBold" panose="02000000000000000000" pitchFamily="2" charset="0"/>
              </a:rPr>
              <a:t>:</a:t>
            </a:r>
          </a:p>
          <a:p>
            <a:pPr marL="228600" marR="0" lvl="1" indent="-228600" fontAlgn="base">
              <a:lnSpc>
                <a:spcPct val="100000"/>
              </a:lnSpc>
              <a:spcBef>
                <a:spcPts val="1000"/>
              </a:spcBef>
              <a:spcAft>
                <a:spcPct val="0"/>
              </a:spcAft>
              <a:buClr>
                <a:srgbClr val="BE3455"/>
              </a:buClr>
              <a:buSzTx/>
              <a:buFont typeface="Arial" panose="020B0604020202020204" pitchFamily="34" charset="0"/>
              <a:buChar char="•"/>
              <a:tabLst/>
            </a:pPr>
            <a:r>
              <a:rPr lang="en-US" altLang="en-US" sz="1400" dirty="0">
                <a:solidFill>
                  <a:schemeClr val="tx1">
                    <a:lumMod val="85000"/>
                    <a:lumOff val="15000"/>
                  </a:schemeClr>
                </a:solidFill>
                <a:latin typeface="Roboto SemiBold" panose="02000000000000000000" pitchFamily="2" charset="0"/>
                <a:ea typeface="Roboto SemiBold" panose="02000000000000000000" pitchFamily="2" charset="0"/>
              </a:rPr>
              <a:t>Human-like presence through IVF, enhancing learner engagement over plain text or voiceovers </a:t>
            </a:r>
          </a:p>
          <a:p>
            <a:pPr marL="228600" marR="0" lvl="1" indent="-228600" fontAlgn="base">
              <a:lnSpc>
                <a:spcPct val="100000"/>
              </a:lnSpc>
              <a:spcBef>
                <a:spcPts val="1000"/>
              </a:spcBef>
              <a:spcAft>
                <a:spcPct val="0"/>
              </a:spcAft>
              <a:buClr>
                <a:srgbClr val="BE3455"/>
              </a:buClr>
              <a:buSzTx/>
              <a:buFont typeface="Arial" panose="020B0604020202020204" pitchFamily="34" charset="0"/>
              <a:buChar char="•"/>
              <a:tabLst/>
            </a:pPr>
            <a:r>
              <a:rPr lang="en-US" altLang="en-US" sz="1400" dirty="0">
                <a:solidFill>
                  <a:schemeClr val="tx1">
                    <a:lumMod val="85000"/>
                    <a:lumOff val="15000"/>
                  </a:schemeClr>
                </a:solidFill>
                <a:latin typeface="Roboto SemiBold" panose="02000000000000000000" pitchFamily="2" charset="0"/>
                <a:ea typeface="Roboto SemiBold" panose="02000000000000000000" pitchFamily="2" charset="0"/>
              </a:rPr>
              <a:t>Consistent tone, clarity, and quality across all modules, eliminating variations typical of human presenters </a:t>
            </a:r>
          </a:p>
          <a:p>
            <a:pPr marL="228600" marR="0" lvl="1" indent="-228600" fontAlgn="base">
              <a:lnSpc>
                <a:spcPct val="100000"/>
              </a:lnSpc>
              <a:spcBef>
                <a:spcPts val="1000"/>
              </a:spcBef>
              <a:spcAft>
                <a:spcPct val="0"/>
              </a:spcAft>
              <a:buClr>
                <a:srgbClr val="BE3455"/>
              </a:buClr>
              <a:buSzTx/>
              <a:buFont typeface="Arial" panose="020B0604020202020204" pitchFamily="34" charset="0"/>
              <a:buChar char="•"/>
              <a:tabLst/>
            </a:pPr>
            <a:r>
              <a:rPr lang="en-US" altLang="en-US" sz="1400" dirty="0">
                <a:solidFill>
                  <a:schemeClr val="tx1">
                    <a:lumMod val="85000"/>
                    <a:lumOff val="15000"/>
                  </a:schemeClr>
                </a:solidFill>
                <a:latin typeface="Roboto SemiBold" panose="02000000000000000000" pitchFamily="2" charset="0"/>
                <a:ea typeface="Roboto SemiBold" panose="02000000000000000000" pitchFamily="2" charset="0"/>
              </a:rPr>
              <a:t>Increased learner engagement through dynamic and immersive viewing experiences </a:t>
            </a:r>
          </a:p>
          <a:p>
            <a:pPr marL="228600" marR="0" lvl="1" indent="-228600" fontAlgn="base">
              <a:lnSpc>
                <a:spcPct val="100000"/>
              </a:lnSpc>
              <a:spcBef>
                <a:spcPts val="1000"/>
              </a:spcBef>
              <a:spcAft>
                <a:spcPct val="0"/>
              </a:spcAft>
              <a:buClr>
                <a:srgbClr val="BE3455"/>
              </a:buClr>
              <a:buSzTx/>
              <a:buFont typeface="Arial" panose="020B0604020202020204" pitchFamily="34" charset="0"/>
              <a:buChar char="•"/>
              <a:tabLst/>
            </a:pPr>
            <a:r>
              <a:rPr lang="en-US" altLang="en-US" sz="1400" dirty="0">
                <a:solidFill>
                  <a:schemeClr val="tx1">
                    <a:lumMod val="85000"/>
                    <a:lumOff val="15000"/>
                  </a:schemeClr>
                </a:solidFill>
                <a:latin typeface="Roboto SemiBold" panose="02000000000000000000" pitchFamily="2" charset="0"/>
                <a:ea typeface="Roboto SemiBold" panose="02000000000000000000" pitchFamily="2" charset="0"/>
              </a:rPr>
              <a:t>Multilingual delivery with accurate lip-syncing for global and localized training programs </a:t>
            </a:r>
          </a:p>
          <a:p>
            <a:pPr marL="228600" lvl="1" indent="-228600">
              <a:spcBef>
                <a:spcPts val="1000"/>
              </a:spcBef>
              <a:buClr>
                <a:srgbClr val="BE3455"/>
              </a:buClr>
              <a:buFont typeface="Arial" panose="020B0604020202020204" pitchFamily="34" charset="0"/>
              <a:buChar char="•"/>
            </a:pPr>
            <a:endParaRPr lang="en-US" sz="1400" dirty="0">
              <a:solidFill>
                <a:schemeClr val="tx1">
                  <a:lumMod val="85000"/>
                  <a:lumOff val="15000"/>
                </a:schemeClr>
              </a:solidFill>
              <a:latin typeface="Roboto SemiBold" panose="02000000000000000000" pitchFamily="2" charset="0"/>
              <a:ea typeface="Roboto SemiBold" panose="02000000000000000000" pitchFamily="2" charset="0"/>
            </a:endParaRPr>
          </a:p>
        </p:txBody>
      </p:sp>
    </p:spTree>
    <p:extLst>
      <p:ext uri="{BB962C8B-B14F-4D97-AF65-F5344CB8AC3E}">
        <p14:creationId xmlns:p14="http://schemas.microsoft.com/office/powerpoint/2010/main" val="2411376497"/>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0A4BD9E-00EC-EF40-44A6-9A7ACE3858F8}"/>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6614F98F-124B-5BED-1623-DA07B00F8491}"/>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E0B53F5B-8473-625D-1626-3B745FA6B9F2}"/>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388C04BD-E8E5-6DB8-ED72-0102250231B0}"/>
              </a:ext>
            </a:extLst>
          </p:cNvPr>
          <p:cNvSpPr>
            <a:spLocks noGrp="1"/>
          </p:cNvSpPr>
          <p:nvPr>
            <p:ph type="title"/>
          </p:nvPr>
        </p:nvSpPr>
        <p:spPr/>
        <p:txBody>
          <a:bodyPr>
            <a:normAutofit/>
          </a:bodyPr>
          <a:lstStyle/>
          <a:p>
            <a:r>
              <a:rPr lang="en-IN" b="1" dirty="0" err="1">
                <a:solidFill>
                  <a:schemeClr val="bg1"/>
                </a:solidFill>
                <a:ea typeface="Roboto SemiBold" panose="02000000000000000000" pitchFamily="2" charset="0"/>
              </a:rPr>
              <a:t>Colossyan</a:t>
            </a:r>
            <a:endParaRPr lang="en-IN" dirty="0">
              <a:solidFill>
                <a:schemeClr val="bg1"/>
              </a:solidFill>
              <a:ea typeface="Roboto SemiBold" panose="02000000000000000000" pitchFamily="2" charset="0"/>
            </a:endParaRPr>
          </a:p>
        </p:txBody>
      </p:sp>
      <p:sp>
        <p:nvSpPr>
          <p:cNvPr id="6" name="Content Placeholder 20">
            <a:extLst>
              <a:ext uri="{FF2B5EF4-FFF2-40B4-BE49-F238E27FC236}">
                <a16:creationId xmlns:a16="http://schemas.microsoft.com/office/drawing/2014/main" id="{27E4ECD1-674C-75B7-C5F3-0204297F44F6}"/>
              </a:ext>
            </a:extLst>
          </p:cNvPr>
          <p:cNvSpPr>
            <a:spLocks noGrp="1"/>
          </p:cNvSpPr>
          <p:nvPr>
            <p:ph idx="1"/>
          </p:nvPr>
        </p:nvSpPr>
        <p:spPr>
          <a:xfrm>
            <a:off x="446939" y="1719363"/>
            <a:ext cx="11972329" cy="612073"/>
          </a:xfrm>
        </p:spPr>
        <p:txBody>
          <a:bodyPr>
            <a:noAutofit/>
          </a:bodyPr>
          <a:lstStyle/>
          <a:p>
            <a:pPr marL="0" indent="0">
              <a:lnSpc>
                <a:spcPct val="100000"/>
              </a:lnSpc>
              <a:buNone/>
            </a:pPr>
            <a:r>
              <a:rPr lang="en-US" sz="1400" dirty="0">
                <a:ea typeface="Roboto SemiBold" panose="02000000000000000000" pitchFamily="2" charset="0"/>
              </a:rPr>
              <a:t>AI video platform specifically designed for </a:t>
            </a:r>
            <a:r>
              <a:rPr lang="en-US" sz="1400" b="1" dirty="0">
                <a:ea typeface="Roboto SemiBold" panose="02000000000000000000" pitchFamily="2" charset="0"/>
              </a:rPr>
              <a:t>workplace learning</a:t>
            </a:r>
            <a:r>
              <a:rPr lang="en-US" sz="1400" dirty="0">
                <a:ea typeface="Roboto SemiBold" panose="02000000000000000000" pitchFamily="2" charset="0"/>
              </a:rPr>
              <a:t>, </a:t>
            </a:r>
            <a:r>
              <a:rPr lang="en-US" sz="1400" b="1" dirty="0">
                <a:ea typeface="Roboto SemiBold" panose="02000000000000000000" pitchFamily="2" charset="0"/>
              </a:rPr>
              <a:t>training</a:t>
            </a:r>
            <a:r>
              <a:rPr lang="en-US" sz="1400" dirty="0">
                <a:ea typeface="Roboto SemiBold" panose="02000000000000000000" pitchFamily="2" charset="0"/>
              </a:rPr>
              <a:t>, and </a:t>
            </a:r>
            <a:r>
              <a:rPr lang="en-US" sz="1400" b="1" dirty="0">
                <a:ea typeface="Roboto SemiBold" panose="02000000000000000000" pitchFamily="2" charset="0"/>
              </a:rPr>
              <a:t>corporate communications</a:t>
            </a:r>
          </a:p>
        </p:txBody>
      </p:sp>
      <p:grpSp>
        <p:nvGrpSpPr>
          <p:cNvPr id="11" name="Group 10">
            <a:extLst>
              <a:ext uri="{FF2B5EF4-FFF2-40B4-BE49-F238E27FC236}">
                <a16:creationId xmlns:a16="http://schemas.microsoft.com/office/drawing/2014/main" id="{B4FAAAFD-38CA-ED4F-BFE8-11DD1AB5D6AE}"/>
              </a:ext>
            </a:extLst>
          </p:cNvPr>
          <p:cNvGrpSpPr/>
          <p:nvPr/>
        </p:nvGrpSpPr>
        <p:grpSpPr>
          <a:xfrm>
            <a:off x="827313" y="3121124"/>
            <a:ext cx="10528229" cy="2534675"/>
            <a:chOff x="827313" y="2729938"/>
            <a:chExt cx="10528229" cy="2534675"/>
          </a:xfrm>
        </p:grpSpPr>
        <p:sp>
          <p:nvSpPr>
            <p:cNvPr id="12" name="Oval 11">
              <a:extLst>
                <a:ext uri="{FF2B5EF4-FFF2-40B4-BE49-F238E27FC236}">
                  <a16:creationId xmlns:a16="http://schemas.microsoft.com/office/drawing/2014/main" id="{EAB00DE8-66A9-FA94-9CE8-4EE81D7D6058}"/>
                </a:ext>
              </a:extLst>
            </p:cNvPr>
            <p:cNvSpPr/>
            <p:nvPr/>
          </p:nvSpPr>
          <p:spPr>
            <a:xfrm>
              <a:off x="4828663" y="2729938"/>
              <a:ext cx="2534675" cy="2534675"/>
            </a:xfrm>
            <a:prstGeom prst="ellipse">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13" name="Group 12">
              <a:extLst>
                <a:ext uri="{FF2B5EF4-FFF2-40B4-BE49-F238E27FC236}">
                  <a16:creationId xmlns:a16="http://schemas.microsoft.com/office/drawing/2014/main" id="{DB8E13EE-C6A4-92D5-B803-8B4A7FB60701}"/>
                </a:ext>
              </a:extLst>
            </p:cNvPr>
            <p:cNvGrpSpPr/>
            <p:nvPr/>
          </p:nvGrpSpPr>
          <p:grpSpPr>
            <a:xfrm>
              <a:off x="1006444" y="3355610"/>
              <a:ext cx="255560" cy="255558"/>
              <a:chOff x="532914" y="2954233"/>
              <a:chExt cx="358343" cy="358343"/>
            </a:xfrm>
          </p:grpSpPr>
          <p:sp>
            <p:nvSpPr>
              <p:cNvPr id="63" name="Oval 62">
                <a:extLst>
                  <a:ext uri="{FF2B5EF4-FFF2-40B4-BE49-F238E27FC236}">
                    <a16:creationId xmlns:a16="http://schemas.microsoft.com/office/drawing/2014/main" id="{046D6FF2-A851-9960-6ADC-E34C6E0E4568}"/>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64" name="Graphic 63" descr="Checkmark outline">
                <a:extLst>
                  <a:ext uri="{FF2B5EF4-FFF2-40B4-BE49-F238E27FC236}">
                    <a16:creationId xmlns:a16="http://schemas.microsoft.com/office/drawing/2014/main" id="{EA9C43EA-B6C8-F404-1AE9-58A0A5CACB3D}"/>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sp>
          <p:nvSpPr>
            <p:cNvPr id="14" name="Rectangle: Rounded Corners 13">
              <a:extLst>
                <a:ext uri="{FF2B5EF4-FFF2-40B4-BE49-F238E27FC236}">
                  <a16:creationId xmlns:a16="http://schemas.microsoft.com/office/drawing/2014/main" id="{351B5E96-10B6-A596-C56F-44E1BCED54E3}"/>
                </a:ext>
              </a:extLst>
            </p:cNvPr>
            <p:cNvSpPr/>
            <p:nvPr/>
          </p:nvSpPr>
          <p:spPr>
            <a:xfrm>
              <a:off x="827313" y="3123389"/>
              <a:ext cx="354786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5" name="Content Placeholder 20">
              <a:extLst>
                <a:ext uri="{FF2B5EF4-FFF2-40B4-BE49-F238E27FC236}">
                  <a16:creationId xmlns:a16="http://schemas.microsoft.com/office/drawing/2014/main" id="{BA9826F9-465C-1B29-4E74-C597CAF87517}"/>
                </a:ext>
              </a:extLst>
            </p:cNvPr>
            <p:cNvSpPr txBox="1">
              <a:spLocks/>
            </p:cNvSpPr>
            <p:nvPr/>
          </p:nvSpPr>
          <p:spPr>
            <a:xfrm>
              <a:off x="1335822" y="3236597"/>
              <a:ext cx="2502698" cy="47181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Choose emotional characteristics for avatars</a:t>
              </a:r>
            </a:p>
          </p:txBody>
        </p:sp>
        <p:sp>
          <p:nvSpPr>
            <p:cNvPr id="20" name="Content Placeholder 20">
              <a:extLst>
                <a:ext uri="{FF2B5EF4-FFF2-40B4-BE49-F238E27FC236}">
                  <a16:creationId xmlns:a16="http://schemas.microsoft.com/office/drawing/2014/main" id="{935F03CA-F23F-D0F8-3209-FF806788843E}"/>
                </a:ext>
              </a:extLst>
            </p:cNvPr>
            <p:cNvSpPr txBox="1">
              <a:spLocks/>
            </p:cNvSpPr>
            <p:nvPr/>
          </p:nvSpPr>
          <p:spPr>
            <a:xfrm>
              <a:off x="1335822" y="4156625"/>
              <a:ext cx="2687173" cy="47181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Use professionally designed, fully customizable templates</a:t>
              </a:r>
            </a:p>
          </p:txBody>
        </p:sp>
        <p:sp>
          <p:nvSpPr>
            <p:cNvPr id="22" name="Content Placeholder 20">
              <a:extLst>
                <a:ext uri="{FF2B5EF4-FFF2-40B4-BE49-F238E27FC236}">
                  <a16:creationId xmlns:a16="http://schemas.microsoft.com/office/drawing/2014/main" id="{A2C713D5-83CC-B239-1513-C0B53EFE44E3}"/>
                </a:ext>
              </a:extLst>
            </p:cNvPr>
            <p:cNvSpPr txBox="1">
              <a:spLocks/>
            </p:cNvSpPr>
            <p:nvPr/>
          </p:nvSpPr>
          <p:spPr>
            <a:xfrm>
              <a:off x="8247316" y="4146431"/>
              <a:ext cx="2760207" cy="415600"/>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Use expressive AI voices in any language</a:t>
              </a:r>
            </a:p>
          </p:txBody>
        </p:sp>
        <p:sp>
          <p:nvSpPr>
            <p:cNvPr id="25" name="Rectangle: Rounded Corners 24">
              <a:extLst>
                <a:ext uri="{FF2B5EF4-FFF2-40B4-BE49-F238E27FC236}">
                  <a16:creationId xmlns:a16="http://schemas.microsoft.com/office/drawing/2014/main" id="{30F9C69D-17C8-31E5-2D49-6429A732673E}"/>
                </a:ext>
              </a:extLst>
            </p:cNvPr>
            <p:cNvSpPr/>
            <p:nvPr/>
          </p:nvSpPr>
          <p:spPr>
            <a:xfrm>
              <a:off x="827313" y="4032531"/>
              <a:ext cx="354786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26" name="Group 25">
              <a:extLst>
                <a:ext uri="{FF2B5EF4-FFF2-40B4-BE49-F238E27FC236}">
                  <a16:creationId xmlns:a16="http://schemas.microsoft.com/office/drawing/2014/main" id="{05CFEB0A-EC77-1672-D8B6-624F3BADC8E1}"/>
                </a:ext>
              </a:extLst>
            </p:cNvPr>
            <p:cNvGrpSpPr/>
            <p:nvPr/>
          </p:nvGrpSpPr>
          <p:grpSpPr>
            <a:xfrm>
              <a:off x="1017329" y="4264752"/>
              <a:ext cx="255560" cy="255558"/>
              <a:chOff x="532914" y="2954233"/>
              <a:chExt cx="358343" cy="358343"/>
            </a:xfrm>
          </p:grpSpPr>
          <p:sp>
            <p:nvSpPr>
              <p:cNvPr id="61" name="Oval 60">
                <a:extLst>
                  <a:ext uri="{FF2B5EF4-FFF2-40B4-BE49-F238E27FC236}">
                    <a16:creationId xmlns:a16="http://schemas.microsoft.com/office/drawing/2014/main" id="{2DBF1CE2-8E1A-4D5C-CF7C-4C588A720EA1}"/>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62" name="Graphic 61" descr="Checkmark outline">
                <a:extLst>
                  <a:ext uri="{FF2B5EF4-FFF2-40B4-BE49-F238E27FC236}">
                    <a16:creationId xmlns:a16="http://schemas.microsoft.com/office/drawing/2014/main" id="{AA4D7308-78BF-0520-10F6-0890AC2E970D}"/>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grpSp>
          <p:nvGrpSpPr>
            <p:cNvPr id="27" name="Group 26">
              <a:extLst>
                <a:ext uri="{FF2B5EF4-FFF2-40B4-BE49-F238E27FC236}">
                  <a16:creationId xmlns:a16="http://schemas.microsoft.com/office/drawing/2014/main" id="{0A6CE92F-57D8-F5A8-D2BA-60A99CB83EAD}"/>
                </a:ext>
              </a:extLst>
            </p:cNvPr>
            <p:cNvGrpSpPr/>
            <p:nvPr/>
          </p:nvGrpSpPr>
          <p:grpSpPr>
            <a:xfrm>
              <a:off x="7943193" y="3380306"/>
              <a:ext cx="255560" cy="255558"/>
              <a:chOff x="532914" y="2954233"/>
              <a:chExt cx="358343" cy="358343"/>
            </a:xfrm>
          </p:grpSpPr>
          <p:sp>
            <p:nvSpPr>
              <p:cNvPr id="59" name="Oval 58">
                <a:extLst>
                  <a:ext uri="{FF2B5EF4-FFF2-40B4-BE49-F238E27FC236}">
                    <a16:creationId xmlns:a16="http://schemas.microsoft.com/office/drawing/2014/main" id="{A42857FD-357B-B347-CEDC-E20636B9779C}"/>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60" name="Graphic 59" descr="Checkmark outline">
                <a:extLst>
                  <a:ext uri="{FF2B5EF4-FFF2-40B4-BE49-F238E27FC236}">
                    <a16:creationId xmlns:a16="http://schemas.microsoft.com/office/drawing/2014/main" id="{8364A82C-6790-E799-7CE5-7A976D3854FC}"/>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grpSp>
          <p:nvGrpSpPr>
            <p:cNvPr id="28" name="Group 27">
              <a:extLst>
                <a:ext uri="{FF2B5EF4-FFF2-40B4-BE49-F238E27FC236}">
                  <a16:creationId xmlns:a16="http://schemas.microsoft.com/office/drawing/2014/main" id="{264100C9-DE82-C568-5A0A-4A11BE984CCB}"/>
                </a:ext>
              </a:extLst>
            </p:cNvPr>
            <p:cNvGrpSpPr/>
            <p:nvPr/>
          </p:nvGrpSpPr>
          <p:grpSpPr>
            <a:xfrm>
              <a:off x="7954079" y="4297413"/>
              <a:ext cx="255560" cy="255558"/>
              <a:chOff x="532914" y="2954233"/>
              <a:chExt cx="358343" cy="358343"/>
            </a:xfrm>
          </p:grpSpPr>
          <p:sp>
            <p:nvSpPr>
              <p:cNvPr id="57" name="Oval 56">
                <a:extLst>
                  <a:ext uri="{FF2B5EF4-FFF2-40B4-BE49-F238E27FC236}">
                    <a16:creationId xmlns:a16="http://schemas.microsoft.com/office/drawing/2014/main" id="{7F59C2B0-AC12-A4DB-70F6-C7B01A7B3B64}"/>
                  </a:ext>
                </a:extLst>
              </p:cNvPr>
              <p:cNvSpPr/>
              <p:nvPr/>
            </p:nvSpPr>
            <p:spPr>
              <a:xfrm>
                <a:off x="532914" y="295423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58" name="Graphic 57" descr="Checkmark outline">
                <a:extLst>
                  <a:ext uri="{FF2B5EF4-FFF2-40B4-BE49-F238E27FC236}">
                    <a16:creationId xmlns:a16="http://schemas.microsoft.com/office/drawing/2014/main" id="{6DCB83EC-1850-5E16-C28F-A83E30FE1008}"/>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33903"/>
                <a:ext cx="199000" cy="199000"/>
              </a:xfrm>
              <a:prstGeom prst="rect">
                <a:avLst/>
              </a:prstGeom>
            </p:spPr>
          </p:pic>
        </p:grpSp>
        <p:sp>
          <p:nvSpPr>
            <p:cNvPr id="29" name="Oval 28">
              <a:extLst>
                <a:ext uri="{FF2B5EF4-FFF2-40B4-BE49-F238E27FC236}">
                  <a16:creationId xmlns:a16="http://schemas.microsoft.com/office/drawing/2014/main" id="{6F35FBCB-0D37-5F6B-D7DB-7A0DA489DBB2}"/>
                </a:ext>
              </a:extLst>
            </p:cNvPr>
            <p:cNvSpPr/>
            <p:nvPr/>
          </p:nvSpPr>
          <p:spPr>
            <a:xfrm>
              <a:off x="4993485" y="2894760"/>
              <a:ext cx="2205030" cy="2205030"/>
            </a:xfrm>
            <a:prstGeom prst="ellipse">
              <a:avLst/>
            </a:prstGeom>
            <a:noFill/>
            <a:ln w="12700">
              <a:solidFill>
                <a:srgbClr val="A65AF9"/>
              </a:solidFill>
              <a:prstDash val="dash"/>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30" name="Group 29">
              <a:extLst>
                <a:ext uri="{FF2B5EF4-FFF2-40B4-BE49-F238E27FC236}">
                  <a16:creationId xmlns:a16="http://schemas.microsoft.com/office/drawing/2014/main" id="{299B6433-BDDE-2531-9DC9-2772F2F13602}"/>
                </a:ext>
              </a:extLst>
            </p:cNvPr>
            <p:cNvGrpSpPr/>
            <p:nvPr/>
          </p:nvGrpSpPr>
          <p:grpSpPr>
            <a:xfrm flipV="1">
              <a:off x="4382392" y="4170692"/>
              <a:ext cx="513951" cy="232691"/>
              <a:chOff x="4538460" y="3282447"/>
              <a:chExt cx="513951" cy="232691"/>
            </a:xfrm>
          </p:grpSpPr>
          <p:cxnSp>
            <p:nvCxnSpPr>
              <p:cNvPr id="50" name="Straight Connector 49">
                <a:extLst>
                  <a:ext uri="{FF2B5EF4-FFF2-40B4-BE49-F238E27FC236}">
                    <a16:creationId xmlns:a16="http://schemas.microsoft.com/office/drawing/2014/main" id="{1EF33F6C-6A6E-8A32-08CA-19349856CA05}"/>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51" name="Straight Connector 50">
                <a:extLst>
                  <a:ext uri="{FF2B5EF4-FFF2-40B4-BE49-F238E27FC236}">
                    <a16:creationId xmlns:a16="http://schemas.microsoft.com/office/drawing/2014/main" id="{E12D8536-E088-1BC5-263D-0F5DB8ECCF62}"/>
                  </a:ext>
                </a:extLst>
              </p:cNvPr>
              <p:cNvCxnSpPr>
                <a:cxnSpLocks/>
              </p:cNvCxnSpPr>
              <p:nvPr/>
            </p:nvCxnSpPr>
            <p:spPr>
              <a:xfrm flipV="1">
                <a:off x="4538460" y="3282447"/>
                <a:ext cx="266101" cy="1"/>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56" name="Oval 55">
                <a:extLst>
                  <a:ext uri="{FF2B5EF4-FFF2-40B4-BE49-F238E27FC236}">
                    <a16:creationId xmlns:a16="http://schemas.microsoft.com/office/drawing/2014/main" id="{D96DD498-73C1-FCFF-521A-56F688BBEB1E}"/>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sp>
          <p:nvSpPr>
            <p:cNvPr id="32" name="Rectangle: Rounded Corners 31">
              <a:extLst>
                <a:ext uri="{FF2B5EF4-FFF2-40B4-BE49-F238E27FC236}">
                  <a16:creationId xmlns:a16="http://schemas.microsoft.com/office/drawing/2014/main" id="{907C5ABE-F7A8-0D8A-34CD-AD1BD8FC2CBD}"/>
                </a:ext>
              </a:extLst>
            </p:cNvPr>
            <p:cNvSpPr/>
            <p:nvPr/>
          </p:nvSpPr>
          <p:spPr>
            <a:xfrm>
              <a:off x="7805942" y="3136856"/>
              <a:ext cx="354960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33" name="Rectangle: Rounded Corners 32">
              <a:extLst>
                <a:ext uri="{FF2B5EF4-FFF2-40B4-BE49-F238E27FC236}">
                  <a16:creationId xmlns:a16="http://schemas.microsoft.com/office/drawing/2014/main" id="{3BC041C4-CE27-A4C3-51CB-9F5A14DA3643}"/>
                </a:ext>
              </a:extLst>
            </p:cNvPr>
            <p:cNvSpPr/>
            <p:nvPr/>
          </p:nvSpPr>
          <p:spPr>
            <a:xfrm>
              <a:off x="7805942" y="4032531"/>
              <a:ext cx="3549600" cy="720000"/>
            </a:xfrm>
            <a:prstGeom prst="roundRect">
              <a:avLst>
                <a:gd name="adj" fmla="val 50000"/>
              </a:avLst>
            </a:prstGeom>
            <a:no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34" name="Group 33">
              <a:extLst>
                <a:ext uri="{FF2B5EF4-FFF2-40B4-BE49-F238E27FC236}">
                  <a16:creationId xmlns:a16="http://schemas.microsoft.com/office/drawing/2014/main" id="{5CF09EEE-8376-E6A6-F2F6-ED62CDDD1CF3}"/>
                </a:ext>
              </a:extLst>
            </p:cNvPr>
            <p:cNvGrpSpPr/>
            <p:nvPr/>
          </p:nvGrpSpPr>
          <p:grpSpPr>
            <a:xfrm flipH="1" flipV="1">
              <a:off x="7303912" y="4203353"/>
              <a:ext cx="513951" cy="232691"/>
              <a:chOff x="4538460" y="3282447"/>
              <a:chExt cx="513951" cy="232691"/>
            </a:xfrm>
          </p:grpSpPr>
          <p:cxnSp>
            <p:nvCxnSpPr>
              <p:cNvPr id="46" name="Straight Connector 45">
                <a:extLst>
                  <a:ext uri="{FF2B5EF4-FFF2-40B4-BE49-F238E27FC236}">
                    <a16:creationId xmlns:a16="http://schemas.microsoft.com/office/drawing/2014/main" id="{4FD15454-E22B-9718-EBEF-A8AAB2387E6C}"/>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48" name="Straight Connector 47">
                <a:extLst>
                  <a:ext uri="{FF2B5EF4-FFF2-40B4-BE49-F238E27FC236}">
                    <a16:creationId xmlns:a16="http://schemas.microsoft.com/office/drawing/2014/main" id="{B8C35E72-0230-3DC3-7B3B-FBD2A2715773}"/>
                  </a:ext>
                </a:extLst>
              </p:cNvPr>
              <p:cNvCxnSpPr>
                <a:cxnSpLocks/>
              </p:cNvCxnSpPr>
              <p:nvPr/>
            </p:nvCxnSpPr>
            <p:spPr>
              <a:xfrm flipV="1">
                <a:off x="4538460" y="3282447"/>
                <a:ext cx="266101" cy="1"/>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49" name="Oval 48">
                <a:extLst>
                  <a:ext uri="{FF2B5EF4-FFF2-40B4-BE49-F238E27FC236}">
                    <a16:creationId xmlns:a16="http://schemas.microsoft.com/office/drawing/2014/main" id="{57F8F79C-C6C7-5D56-AC5A-82633F4443FC}"/>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grpSp>
          <p:nvGrpSpPr>
            <p:cNvPr id="35" name="Group 34">
              <a:extLst>
                <a:ext uri="{FF2B5EF4-FFF2-40B4-BE49-F238E27FC236}">
                  <a16:creationId xmlns:a16="http://schemas.microsoft.com/office/drawing/2014/main" id="{76E99120-725B-1BC1-8BE5-2EBE49ECFAAB}"/>
                </a:ext>
              </a:extLst>
            </p:cNvPr>
            <p:cNvGrpSpPr/>
            <p:nvPr/>
          </p:nvGrpSpPr>
          <p:grpSpPr>
            <a:xfrm flipH="1">
              <a:off x="7297168" y="3508757"/>
              <a:ext cx="513950" cy="230658"/>
              <a:chOff x="4538461" y="3284480"/>
              <a:chExt cx="513950" cy="230658"/>
            </a:xfrm>
          </p:grpSpPr>
          <p:cxnSp>
            <p:nvCxnSpPr>
              <p:cNvPr id="43" name="Straight Connector 42">
                <a:extLst>
                  <a:ext uri="{FF2B5EF4-FFF2-40B4-BE49-F238E27FC236}">
                    <a16:creationId xmlns:a16="http://schemas.microsoft.com/office/drawing/2014/main" id="{402FF886-B137-338E-1E0B-2E80F444F3C1}"/>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44" name="Straight Connector 43">
                <a:extLst>
                  <a:ext uri="{FF2B5EF4-FFF2-40B4-BE49-F238E27FC236}">
                    <a16:creationId xmlns:a16="http://schemas.microsoft.com/office/drawing/2014/main" id="{50F6C165-098F-F5CF-E8FA-EBA521D087A8}"/>
                  </a:ext>
                </a:extLst>
              </p:cNvPr>
              <p:cNvCxnSpPr>
                <a:cxnSpLocks/>
              </p:cNvCxnSpPr>
              <p:nvPr/>
            </p:nvCxnSpPr>
            <p:spPr>
              <a:xfrm>
                <a:off x="4538461" y="3284481"/>
                <a:ext cx="273105" cy="0"/>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45" name="Oval 44">
                <a:extLst>
                  <a:ext uri="{FF2B5EF4-FFF2-40B4-BE49-F238E27FC236}">
                    <a16:creationId xmlns:a16="http://schemas.microsoft.com/office/drawing/2014/main" id="{E705E25A-997D-8C32-738E-6819C2456CDF}"/>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sp>
          <p:nvSpPr>
            <p:cNvPr id="36" name="Content Placeholder 20">
              <a:extLst>
                <a:ext uri="{FF2B5EF4-FFF2-40B4-BE49-F238E27FC236}">
                  <a16:creationId xmlns:a16="http://schemas.microsoft.com/office/drawing/2014/main" id="{5F284A00-8710-1115-735F-070DB3E95380}"/>
                </a:ext>
              </a:extLst>
            </p:cNvPr>
            <p:cNvSpPr txBox="1">
              <a:spLocks/>
            </p:cNvSpPr>
            <p:nvPr/>
          </p:nvSpPr>
          <p:spPr>
            <a:xfrm>
              <a:off x="8247317" y="3282333"/>
              <a:ext cx="2927354" cy="32067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latin typeface="Roboto SemiBold" panose="02000000000000000000" pitchFamily="2" charset="0"/>
                  <a:ea typeface="Roboto SemiBold" panose="02000000000000000000" pitchFamily="2" charset="0"/>
                </a:rPr>
                <a:t>Add engaging screen recordings to videos</a:t>
              </a:r>
            </a:p>
          </p:txBody>
        </p:sp>
        <p:grpSp>
          <p:nvGrpSpPr>
            <p:cNvPr id="38" name="Group 37">
              <a:extLst>
                <a:ext uri="{FF2B5EF4-FFF2-40B4-BE49-F238E27FC236}">
                  <a16:creationId xmlns:a16="http://schemas.microsoft.com/office/drawing/2014/main" id="{07871453-EC03-06CC-D83E-1AC21AA17AB9}"/>
                </a:ext>
              </a:extLst>
            </p:cNvPr>
            <p:cNvGrpSpPr/>
            <p:nvPr/>
          </p:nvGrpSpPr>
          <p:grpSpPr>
            <a:xfrm>
              <a:off x="4382392" y="3507741"/>
              <a:ext cx="513951" cy="232691"/>
              <a:chOff x="4538460" y="3282447"/>
              <a:chExt cx="513951" cy="232691"/>
            </a:xfrm>
          </p:grpSpPr>
          <p:cxnSp>
            <p:nvCxnSpPr>
              <p:cNvPr id="40" name="Straight Connector 39">
                <a:extLst>
                  <a:ext uri="{FF2B5EF4-FFF2-40B4-BE49-F238E27FC236}">
                    <a16:creationId xmlns:a16="http://schemas.microsoft.com/office/drawing/2014/main" id="{207AF6E0-1213-78C6-88C8-09F6DFC03C85}"/>
                  </a:ext>
                </a:extLst>
              </p:cNvPr>
              <p:cNvCxnSpPr>
                <a:cxnSpLocks/>
              </p:cNvCxnSpPr>
              <p:nvPr/>
            </p:nvCxnSpPr>
            <p:spPr>
              <a:xfrm flipH="1" flipV="1">
                <a:off x="4804561" y="3284480"/>
                <a:ext cx="212278" cy="185795"/>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cxnSp>
            <p:nvCxnSpPr>
              <p:cNvPr id="41" name="Straight Connector 40">
                <a:extLst>
                  <a:ext uri="{FF2B5EF4-FFF2-40B4-BE49-F238E27FC236}">
                    <a16:creationId xmlns:a16="http://schemas.microsoft.com/office/drawing/2014/main" id="{A974CD4D-407F-55AB-5A9D-2BB5C74B3FFF}"/>
                  </a:ext>
                </a:extLst>
              </p:cNvPr>
              <p:cNvCxnSpPr>
                <a:cxnSpLocks/>
              </p:cNvCxnSpPr>
              <p:nvPr/>
            </p:nvCxnSpPr>
            <p:spPr>
              <a:xfrm flipV="1">
                <a:off x="4538460" y="3282447"/>
                <a:ext cx="266101" cy="1"/>
              </a:xfrm>
              <a:prstGeom prst="line">
                <a:avLst/>
              </a:prstGeom>
              <a:ln w="12700">
                <a:solidFill>
                  <a:srgbClr val="A65AF9"/>
                </a:solidFill>
              </a:ln>
            </p:spPr>
            <p:style>
              <a:lnRef idx="2">
                <a:schemeClr val="accent1"/>
              </a:lnRef>
              <a:fillRef idx="0">
                <a:schemeClr val="accent1"/>
              </a:fillRef>
              <a:effectRef idx="1">
                <a:schemeClr val="accent1"/>
              </a:effectRef>
              <a:fontRef idx="minor">
                <a:schemeClr val="tx1"/>
              </a:fontRef>
            </p:style>
          </p:cxnSp>
          <p:sp>
            <p:nvSpPr>
              <p:cNvPr id="42" name="Oval 41">
                <a:extLst>
                  <a:ext uri="{FF2B5EF4-FFF2-40B4-BE49-F238E27FC236}">
                    <a16:creationId xmlns:a16="http://schemas.microsoft.com/office/drawing/2014/main" id="{AA93212B-7B3F-E4CF-6C28-4FF97AA5646B}"/>
                  </a:ext>
                </a:extLst>
              </p:cNvPr>
              <p:cNvSpPr/>
              <p:nvPr/>
            </p:nvSpPr>
            <p:spPr>
              <a:xfrm>
                <a:off x="4962685" y="3425412"/>
                <a:ext cx="89726" cy="89726"/>
              </a:xfrm>
              <a:prstGeom prst="ellipse">
                <a:avLst/>
              </a:prstGeom>
              <a:solidFill>
                <a:schemeClr val="bg1"/>
              </a:solidFill>
              <a:ln w="12700">
                <a:solidFill>
                  <a:srgbClr val="A65AF9"/>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pic>
          <p:nvPicPr>
            <p:cNvPr id="39" name="Graphic 38">
              <a:extLst>
                <a:ext uri="{FF2B5EF4-FFF2-40B4-BE49-F238E27FC236}">
                  <a16:creationId xmlns:a16="http://schemas.microsoft.com/office/drawing/2014/main" id="{A952141A-4954-FDED-483D-39CB503E78F8}"/>
                </a:ext>
              </a:extLst>
            </p:cNvPr>
            <p:cNvPicPr>
              <a:picLocks noChangeAspect="1"/>
            </p:cNvPicPr>
            <p:nvPr/>
          </p:nvPicPr>
          <p:blipFill>
            <a:blip>
              <a:extLst>
                <a:ext uri="{96DAC541-7B7A-43D3-8B79-37D633B846F1}">
                  <asvg:svgBlip xmlns:asvg="http://schemas.microsoft.com/office/drawing/2016/SVG/main" r:embed="rId5"/>
                </a:ext>
              </a:extLst>
            </a:blip>
            <a:stretch>
              <a:fillRect/>
            </a:stretch>
          </p:blipFill>
          <p:spPr>
            <a:xfrm>
              <a:off x="5269919" y="3828661"/>
              <a:ext cx="1652162" cy="337228"/>
            </a:xfrm>
            <a:prstGeom prst="rect">
              <a:avLst/>
            </a:prstGeom>
          </p:spPr>
        </p:pic>
      </p:grpSp>
      <p:sp>
        <p:nvSpPr>
          <p:cNvPr id="65" name="Content Placeholder 20">
            <a:extLst>
              <a:ext uri="{FF2B5EF4-FFF2-40B4-BE49-F238E27FC236}">
                <a16:creationId xmlns:a16="http://schemas.microsoft.com/office/drawing/2014/main" id="{D8BA3356-06BF-ABC3-014B-28C2F3084D98}"/>
              </a:ext>
            </a:extLst>
          </p:cNvPr>
          <p:cNvSpPr txBox="1">
            <a:spLocks/>
          </p:cNvSpPr>
          <p:nvPr/>
        </p:nvSpPr>
        <p:spPr>
          <a:xfrm>
            <a:off x="4232654" y="2623702"/>
            <a:ext cx="3726692" cy="61207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lnSpc>
                <a:spcPct val="100000"/>
              </a:lnSpc>
              <a:buNone/>
            </a:pPr>
            <a:r>
              <a:rPr lang="en-US" sz="1400" b="1" dirty="0">
                <a:latin typeface="Roboto SemiBold" panose="02000000000000000000" pitchFamily="2" charset="0"/>
                <a:ea typeface="Roboto SemiBold" panose="02000000000000000000" pitchFamily="2" charset="0"/>
              </a:rPr>
              <a:t>Key Upgrades/Capabilities</a:t>
            </a:r>
            <a:endParaRPr lang="en-IN" sz="1400" b="1" dirty="0">
              <a:latin typeface="Roboto SemiBold" panose="02000000000000000000" pitchFamily="2" charset="0"/>
              <a:ea typeface="Roboto SemiBold" panose="02000000000000000000" pitchFamily="2" charset="0"/>
            </a:endParaRPr>
          </a:p>
        </p:txBody>
      </p:sp>
    </p:spTree>
    <p:extLst>
      <p:ext uri="{BB962C8B-B14F-4D97-AF65-F5344CB8AC3E}">
        <p14:creationId xmlns:p14="http://schemas.microsoft.com/office/powerpoint/2010/main" val="4068912457"/>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7F2A5A9-8B85-A2E7-E7FE-3DD5E4EF5655}"/>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FC70DB16-7833-3A4D-68A7-5DAFCF6F4801}"/>
              </a:ext>
            </a:extLst>
          </p:cNvPr>
          <p:cNvPicPr>
            <a:picLocks noChangeAspect="1"/>
          </p:cNvPicPr>
          <p:nvPr/>
        </p:nvPicPr>
        <p:blipFill rotWithShape="1">
          <a:blip r:embed="rId5">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A75A8E93-17FE-94BD-69F9-43CDF39AFB97}"/>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4A62A578-7713-3F5D-4511-C20793E107C8}"/>
              </a:ext>
            </a:extLst>
          </p:cNvPr>
          <p:cNvSpPr>
            <a:spLocks noGrp="1"/>
          </p:cNvSpPr>
          <p:nvPr>
            <p:ph type="title"/>
          </p:nvPr>
        </p:nvSpPr>
        <p:spPr/>
        <p:txBody>
          <a:bodyPr>
            <a:normAutofit/>
          </a:bodyPr>
          <a:lstStyle/>
          <a:p>
            <a:r>
              <a:rPr lang="en-IN" b="1" dirty="0" err="1">
                <a:solidFill>
                  <a:schemeClr val="bg1"/>
                </a:solidFill>
                <a:ea typeface="Roboto SemiBold" panose="02000000000000000000" pitchFamily="2" charset="0"/>
              </a:rPr>
              <a:t>Colossyan</a:t>
            </a:r>
            <a:r>
              <a:rPr lang="en-IN" dirty="0">
                <a:solidFill>
                  <a:schemeClr val="bg1"/>
                </a:solidFill>
                <a:ea typeface="Roboto SemiBold" panose="02000000000000000000" pitchFamily="2" charset="0"/>
              </a:rPr>
              <a:t>: </a:t>
            </a:r>
            <a:r>
              <a:rPr lang="fi-FI" dirty="0">
                <a:solidFill>
                  <a:schemeClr val="bg1"/>
                </a:solidFill>
                <a:ea typeface="Roboto SemiBold" panose="02000000000000000000" pitchFamily="2" charset="0"/>
              </a:rPr>
              <a:t>Multi-view Talking AI Avatar</a:t>
            </a:r>
            <a:endParaRPr lang="en-IN" dirty="0">
              <a:solidFill>
                <a:schemeClr val="bg1"/>
              </a:solidFill>
              <a:ea typeface="Roboto SemiBold" panose="02000000000000000000" pitchFamily="2" charset="0"/>
            </a:endParaRPr>
          </a:p>
        </p:txBody>
      </p:sp>
      <p:sp>
        <p:nvSpPr>
          <p:cNvPr id="11" name="Content Placeholder 20">
            <a:extLst>
              <a:ext uri="{FF2B5EF4-FFF2-40B4-BE49-F238E27FC236}">
                <a16:creationId xmlns:a16="http://schemas.microsoft.com/office/drawing/2014/main" id="{8D731455-99E6-AD8D-C32A-44886526FCC9}"/>
              </a:ext>
            </a:extLst>
          </p:cNvPr>
          <p:cNvSpPr>
            <a:spLocks noGrp="1"/>
          </p:cNvSpPr>
          <p:nvPr>
            <p:ph idx="1"/>
          </p:nvPr>
        </p:nvSpPr>
        <p:spPr>
          <a:xfrm>
            <a:off x="446939" y="1719362"/>
            <a:ext cx="11292777" cy="1155749"/>
          </a:xfrm>
        </p:spPr>
        <p:txBody>
          <a:bodyPr>
            <a:noAutofit/>
          </a:bodyPr>
          <a:lstStyle/>
          <a:p>
            <a:pPr marL="0" indent="0">
              <a:lnSpc>
                <a:spcPct val="100000"/>
              </a:lnSpc>
              <a:buNone/>
            </a:pPr>
            <a:r>
              <a:rPr lang="en-US" sz="1400" dirty="0">
                <a:ea typeface="Roboto SemiBold" panose="02000000000000000000" pitchFamily="2" charset="0"/>
              </a:rPr>
              <a:t>The demo showcases the use of </a:t>
            </a:r>
            <a:r>
              <a:rPr lang="en-US" sz="1400" dirty="0" err="1">
                <a:ea typeface="Roboto SemiBold" panose="02000000000000000000" pitchFamily="2" charset="0"/>
              </a:rPr>
              <a:t>Colossyan</a:t>
            </a:r>
            <a:r>
              <a:rPr lang="en-US" sz="1400" dirty="0">
                <a:ea typeface="Roboto SemiBold" panose="02000000000000000000" pitchFamily="2" charset="0"/>
              </a:rPr>
              <a:t> AI avatar in three distinct angles—side front, front, and side back—to simulate real-life conversational dynamics.</a:t>
            </a:r>
            <a:br>
              <a:rPr lang="en-US" sz="1400" dirty="0">
                <a:ea typeface="Roboto SemiBold" panose="02000000000000000000" pitchFamily="2" charset="0"/>
              </a:rPr>
            </a:br>
            <a:br>
              <a:rPr lang="en-US" sz="1400" dirty="0">
                <a:ea typeface="Roboto SemiBold" panose="02000000000000000000" pitchFamily="2" charset="0"/>
              </a:rPr>
            </a:br>
            <a:endParaRPr lang="en-US" sz="1400" dirty="0">
              <a:ea typeface="Roboto SemiBold" panose="02000000000000000000" pitchFamily="2" charset="0"/>
            </a:endParaRPr>
          </a:p>
        </p:txBody>
      </p:sp>
      <p:pic>
        <p:nvPicPr>
          <p:cNvPr id="12" name="video 3">
            <a:hlinkClick r:id="" action="ppaction://media"/>
            <a:extLst>
              <a:ext uri="{FF2B5EF4-FFF2-40B4-BE49-F238E27FC236}">
                <a16:creationId xmlns:a16="http://schemas.microsoft.com/office/drawing/2014/main" id="{DC746A90-31C8-2AC4-7517-72FC4C266CDB}"/>
              </a:ext>
            </a:extLst>
          </p:cNvPr>
          <p:cNvPicPr>
            <a:picLocks noChangeAspect="1"/>
          </p:cNvPicPr>
          <p:nvPr>
            <a:videoFile r:link="rId2"/>
            <p:extLst>
              <p:ext uri="{DAA4B4D4-6D71-4841-9C94-3DE7FCFB9230}">
                <p14:media xmlns:p14="http://schemas.microsoft.com/office/powerpoint/2010/main" r:embed="rId1"/>
              </p:ext>
            </p:extLst>
          </p:nvPr>
        </p:nvPicPr>
        <p:blipFill>
          <a:blip r:embed="rId6"/>
          <a:stretch>
            <a:fillRect/>
          </a:stretch>
        </p:blipFill>
        <p:spPr>
          <a:xfrm>
            <a:off x="563894" y="2658343"/>
            <a:ext cx="5281110" cy="2970624"/>
          </a:xfrm>
          <a:prstGeom prst="rect">
            <a:avLst/>
          </a:prstGeom>
        </p:spPr>
      </p:pic>
      <p:sp>
        <p:nvSpPr>
          <p:cNvPr id="13" name="TextBox 12">
            <a:extLst>
              <a:ext uri="{FF2B5EF4-FFF2-40B4-BE49-F238E27FC236}">
                <a16:creationId xmlns:a16="http://schemas.microsoft.com/office/drawing/2014/main" id="{CA7F977A-C3CF-6FE2-888D-66C583AFA5B4}"/>
              </a:ext>
            </a:extLst>
          </p:cNvPr>
          <p:cNvSpPr txBox="1"/>
          <p:nvPr/>
        </p:nvSpPr>
        <p:spPr>
          <a:xfrm>
            <a:off x="2864478" y="2900998"/>
            <a:ext cx="536557" cy="261610"/>
          </a:xfrm>
          <a:prstGeom prst="rect">
            <a:avLst/>
          </a:prstGeom>
          <a:noFill/>
        </p:spPr>
        <p:txBody>
          <a:bodyPr wrap="square" rtlCol="0">
            <a:spAutoFit/>
          </a:bodyPr>
          <a:lstStyle/>
          <a:p>
            <a:pPr algn="ctr"/>
            <a:r>
              <a:rPr lang="en-US" sz="1100" kern="100" dirty="0">
                <a:solidFill>
                  <a:schemeClr val="bg1"/>
                </a:solidFill>
                <a:latin typeface="Roboto SemiBold" panose="02000000000000000000" pitchFamily="2" charset="0"/>
                <a:ea typeface="Roboto SemiBold" panose="02000000000000000000" pitchFamily="2" charset="0"/>
                <a:cs typeface="Arial" panose="020B0604020202020204" pitchFamily="34" charset="0"/>
              </a:rPr>
              <a:t>Front</a:t>
            </a:r>
            <a:endParaRPr lang="en-IN" sz="1100" dirty="0">
              <a:solidFill>
                <a:schemeClr val="bg1"/>
              </a:solidFill>
              <a:latin typeface="Roboto SemiBold" panose="02000000000000000000" pitchFamily="2" charset="0"/>
              <a:ea typeface="Roboto SemiBold" panose="02000000000000000000" pitchFamily="2" charset="0"/>
            </a:endParaRPr>
          </a:p>
        </p:txBody>
      </p:sp>
      <p:sp>
        <p:nvSpPr>
          <p:cNvPr id="14" name="TextBox 13">
            <a:extLst>
              <a:ext uri="{FF2B5EF4-FFF2-40B4-BE49-F238E27FC236}">
                <a16:creationId xmlns:a16="http://schemas.microsoft.com/office/drawing/2014/main" id="{5E6AEBCB-B6F9-E4EC-2556-27590FE8DD12}"/>
              </a:ext>
            </a:extLst>
          </p:cNvPr>
          <p:cNvSpPr txBox="1"/>
          <p:nvPr/>
        </p:nvSpPr>
        <p:spPr>
          <a:xfrm>
            <a:off x="1089933" y="2896054"/>
            <a:ext cx="824969" cy="261610"/>
          </a:xfrm>
          <a:prstGeom prst="rect">
            <a:avLst/>
          </a:prstGeom>
          <a:noFill/>
        </p:spPr>
        <p:txBody>
          <a:bodyPr wrap="square" rtlCol="0">
            <a:spAutoFit/>
          </a:bodyPr>
          <a:lstStyle/>
          <a:p>
            <a:pPr algn="ctr"/>
            <a:r>
              <a:rPr lang="en-US" sz="1100" kern="100" dirty="0">
                <a:solidFill>
                  <a:schemeClr val="bg1"/>
                </a:solidFill>
                <a:latin typeface="Roboto SemiBold" panose="02000000000000000000" pitchFamily="2" charset="0"/>
                <a:ea typeface="Roboto SemiBold" panose="02000000000000000000" pitchFamily="2" charset="0"/>
                <a:cs typeface="Arial" panose="020B0604020202020204" pitchFamily="34" charset="0"/>
              </a:rPr>
              <a:t>Side front</a:t>
            </a:r>
            <a:endParaRPr lang="en-IN" sz="1100" dirty="0">
              <a:solidFill>
                <a:schemeClr val="bg1"/>
              </a:solidFill>
              <a:latin typeface="Roboto SemiBold" panose="02000000000000000000" pitchFamily="2" charset="0"/>
              <a:ea typeface="Roboto SemiBold" panose="02000000000000000000" pitchFamily="2" charset="0"/>
            </a:endParaRPr>
          </a:p>
        </p:txBody>
      </p:sp>
      <p:sp>
        <p:nvSpPr>
          <p:cNvPr id="15" name="TextBox 14">
            <a:extLst>
              <a:ext uri="{FF2B5EF4-FFF2-40B4-BE49-F238E27FC236}">
                <a16:creationId xmlns:a16="http://schemas.microsoft.com/office/drawing/2014/main" id="{A86D9A05-0652-DB25-E474-1557C99781F8}"/>
              </a:ext>
            </a:extLst>
          </p:cNvPr>
          <p:cNvSpPr txBox="1"/>
          <p:nvPr/>
        </p:nvSpPr>
        <p:spPr>
          <a:xfrm>
            <a:off x="4562016" y="2896054"/>
            <a:ext cx="826573" cy="261610"/>
          </a:xfrm>
          <a:prstGeom prst="rect">
            <a:avLst/>
          </a:prstGeom>
          <a:noFill/>
        </p:spPr>
        <p:txBody>
          <a:bodyPr wrap="square" rtlCol="0">
            <a:spAutoFit/>
          </a:bodyPr>
          <a:lstStyle/>
          <a:p>
            <a:pPr algn="ctr"/>
            <a:r>
              <a:rPr lang="en-US" sz="1100" kern="100" dirty="0">
                <a:solidFill>
                  <a:schemeClr val="bg1"/>
                </a:solidFill>
                <a:latin typeface="Roboto SemiBold" panose="02000000000000000000" pitchFamily="2" charset="0"/>
                <a:ea typeface="Roboto SemiBold" panose="02000000000000000000" pitchFamily="2" charset="0"/>
                <a:cs typeface="Arial" panose="020B0604020202020204" pitchFamily="34" charset="0"/>
              </a:rPr>
              <a:t>Side back</a:t>
            </a:r>
            <a:endParaRPr lang="en-IN" sz="1100" dirty="0">
              <a:solidFill>
                <a:schemeClr val="bg1"/>
              </a:solidFill>
              <a:latin typeface="Roboto SemiBold" panose="02000000000000000000" pitchFamily="2" charset="0"/>
              <a:ea typeface="Roboto SemiBold" panose="02000000000000000000" pitchFamily="2" charset="0"/>
            </a:endParaRPr>
          </a:p>
        </p:txBody>
      </p:sp>
      <p:sp>
        <p:nvSpPr>
          <p:cNvPr id="3" name="TextBox 2">
            <a:extLst>
              <a:ext uri="{FF2B5EF4-FFF2-40B4-BE49-F238E27FC236}">
                <a16:creationId xmlns:a16="http://schemas.microsoft.com/office/drawing/2014/main" id="{C3A50D3A-675B-AD3C-A3A9-52D092BAAB55}"/>
              </a:ext>
            </a:extLst>
          </p:cNvPr>
          <p:cNvSpPr txBox="1"/>
          <p:nvPr/>
        </p:nvSpPr>
        <p:spPr>
          <a:xfrm>
            <a:off x="6208799" y="2589383"/>
            <a:ext cx="5894712" cy="3231654"/>
          </a:xfrm>
          <a:prstGeom prst="rect">
            <a:avLst/>
          </a:prstGeom>
          <a:noFill/>
        </p:spPr>
        <p:txBody>
          <a:bodyPr wrap="square">
            <a:spAutoFit/>
          </a:bodyPr>
          <a:lstStyle/>
          <a:p>
            <a:r>
              <a:rPr lang="en-US" sz="1400" b="1" dirty="0">
                <a:latin typeface="Roboto SemiBold" panose="02000000000000000000" pitchFamily="2" charset="0"/>
                <a:ea typeface="Roboto SemiBold" panose="02000000000000000000" pitchFamily="2" charset="0"/>
              </a:rPr>
              <a:t>Benefits</a:t>
            </a:r>
            <a:r>
              <a:rPr lang="en-US" sz="1400" dirty="0">
                <a:latin typeface="Roboto SemiBold" panose="02000000000000000000" pitchFamily="2" charset="0"/>
                <a:ea typeface="Roboto SemiBold" panose="02000000000000000000" pitchFamily="2" charset="0"/>
              </a:rPr>
              <a:t>:</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Create the illusion of natural dialogue between characters</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Seamlessly integrate avatars into diverse settings such as boardrooms, break areas, or virtual calls</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Deliver a dynamic learner experience that moves beyond static visuals</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Matches tone and context of each scene, whether formal (presentation) or informal (discussions)</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Enhances realism through varied camera perspectives</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Increases learner engagement with more dynamic viewing experiences</a:t>
            </a:r>
          </a:p>
        </p:txBody>
      </p:sp>
      <p:sp>
        <p:nvSpPr>
          <p:cNvPr id="2" name="Content Placeholder 20">
            <a:extLst>
              <a:ext uri="{FF2B5EF4-FFF2-40B4-BE49-F238E27FC236}">
                <a16:creationId xmlns:a16="http://schemas.microsoft.com/office/drawing/2014/main" id="{F6D76D4D-7A92-3233-9DA8-F1C47F252BBA}"/>
              </a:ext>
            </a:extLst>
          </p:cNvPr>
          <p:cNvSpPr txBox="1">
            <a:spLocks/>
          </p:cNvSpPr>
          <p:nvPr/>
        </p:nvSpPr>
        <p:spPr>
          <a:xfrm>
            <a:off x="446939" y="2350891"/>
            <a:ext cx="1839061" cy="281565"/>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Font typeface="Arial" panose="020B0604020202020204" pitchFamily="34" charset="0"/>
              <a:buNone/>
            </a:pPr>
            <a:r>
              <a:rPr lang="en-US" sz="1200" i="1" dirty="0">
                <a:latin typeface="Roboto SemiBold" panose="02000000000000000000" pitchFamily="2" charset="0"/>
                <a:ea typeface="Roboto SemiBold" panose="02000000000000000000" pitchFamily="2" charset="0"/>
              </a:rPr>
              <a:t>Watch the sample video.</a:t>
            </a:r>
          </a:p>
        </p:txBody>
      </p:sp>
    </p:spTree>
    <p:extLst>
      <p:ext uri="{BB962C8B-B14F-4D97-AF65-F5344CB8AC3E}">
        <p14:creationId xmlns:p14="http://schemas.microsoft.com/office/powerpoint/2010/main" val="3838695884"/>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8922" fill="hold"/>
                                        <p:tgtEl>
                                          <p:spTgt spid="12"/>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12"/>
                    </p:tgtEl>
                  </p:cond>
                </p:stCondLst>
                <p:endSync evt="end" delay="0">
                  <p:rtn val="all"/>
                </p:endSync>
                <p:childTnLst>
                  <p:par>
                    <p:cTn id="8" fill="hold">
                      <p:stCondLst>
                        <p:cond delay="0"/>
                      </p:stCondLst>
                      <p:childTnLst>
                        <p:par>
                          <p:cTn id="9" fill="hold">
                            <p:stCondLst>
                              <p:cond delay="0"/>
                            </p:stCondLst>
                            <p:childTnLst>
                              <p:par>
                                <p:cTn id="10" presetID="2" presetClass="mediacall" presetSubtype="0" fill="hold" nodeType="clickEffect">
                                  <p:stCondLst>
                                    <p:cond delay="0"/>
                                  </p:stCondLst>
                                  <p:childTnLst>
                                    <p:cmd type="call" cmd="togglePause">
                                      <p:cBhvr>
                                        <p:cTn id="11" dur="1" fill="hold"/>
                                        <p:tgtEl>
                                          <p:spTgt spid="12"/>
                                        </p:tgtEl>
                                      </p:cBhvr>
                                    </p:cmd>
                                  </p:childTnLst>
                                </p:cTn>
                              </p:par>
                            </p:childTnLst>
                          </p:cTn>
                        </p:par>
                      </p:childTnLst>
                    </p:cTn>
                  </p:par>
                </p:childTnLst>
              </p:cTn>
              <p:nextCondLst>
                <p:cond evt="onClick" delay="0">
                  <p:tgtEl>
                    <p:spTgt spid="12"/>
                  </p:tgtEl>
                </p:cond>
              </p:nextCondLst>
            </p:seq>
            <p:video>
              <p:cMediaNode vol="80000">
                <p:cTn id="12" fill="hold" display="0">
                  <p:stCondLst>
                    <p:cond delay="indefinite"/>
                  </p:stCondLst>
                </p:cTn>
                <p:tgtEl>
                  <p:spTgt spid="12"/>
                </p:tgtEl>
              </p:cMediaNode>
            </p:video>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7F2A5A9-8B85-A2E7-E7FE-3DD5E4EF5655}"/>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FC70DB16-7833-3A4D-68A7-5DAFCF6F4801}"/>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A75A8E93-17FE-94BD-69F9-43CDF39AFB97}"/>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4A62A578-7713-3F5D-4511-C20793E107C8}"/>
              </a:ext>
            </a:extLst>
          </p:cNvPr>
          <p:cNvSpPr>
            <a:spLocks noGrp="1"/>
          </p:cNvSpPr>
          <p:nvPr>
            <p:ph type="title"/>
          </p:nvPr>
        </p:nvSpPr>
        <p:spPr/>
        <p:txBody>
          <a:bodyPr>
            <a:normAutofit/>
          </a:bodyPr>
          <a:lstStyle/>
          <a:p>
            <a:r>
              <a:rPr lang="en-IN" b="1" dirty="0" err="1">
                <a:solidFill>
                  <a:schemeClr val="bg1"/>
                </a:solidFill>
                <a:ea typeface="Roboto SemiBold" panose="02000000000000000000" pitchFamily="2" charset="0"/>
              </a:rPr>
              <a:t>Colossyan</a:t>
            </a:r>
            <a:r>
              <a:rPr lang="en-IN" b="1" dirty="0">
                <a:solidFill>
                  <a:schemeClr val="bg1"/>
                </a:solidFill>
                <a:ea typeface="Roboto SemiBold" panose="02000000000000000000" pitchFamily="2" charset="0"/>
              </a:rPr>
              <a:t> </a:t>
            </a:r>
            <a:r>
              <a:rPr lang="en-IN" dirty="0">
                <a:solidFill>
                  <a:schemeClr val="bg1"/>
                </a:solidFill>
                <a:ea typeface="Roboto SemiBold" panose="02000000000000000000" pitchFamily="2" charset="0"/>
              </a:rPr>
              <a:t>Samples: </a:t>
            </a:r>
            <a:r>
              <a:rPr lang="fi-FI" dirty="0">
                <a:solidFill>
                  <a:schemeClr val="bg1"/>
                </a:solidFill>
                <a:ea typeface="Roboto SemiBold" panose="02000000000000000000" pitchFamily="2" charset="0"/>
              </a:rPr>
              <a:t>Multi-view Talking AI Avatar</a:t>
            </a:r>
            <a:endParaRPr lang="en-IN" dirty="0">
              <a:solidFill>
                <a:schemeClr val="bg1"/>
              </a:solidFill>
              <a:ea typeface="Roboto SemiBold" panose="02000000000000000000" pitchFamily="2" charset="0"/>
            </a:endParaRPr>
          </a:p>
        </p:txBody>
      </p:sp>
      <p:sp>
        <p:nvSpPr>
          <p:cNvPr id="11" name="Content Placeholder 20">
            <a:extLst>
              <a:ext uri="{FF2B5EF4-FFF2-40B4-BE49-F238E27FC236}">
                <a16:creationId xmlns:a16="http://schemas.microsoft.com/office/drawing/2014/main" id="{8D731455-99E6-AD8D-C32A-44886526FCC9}"/>
              </a:ext>
            </a:extLst>
          </p:cNvPr>
          <p:cNvSpPr>
            <a:spLocks noGrp="1"/>
          </p:cNvSpPr>
          <p:nvPr>
            <p:ph idx="1"/>
          </p:nvPr>
        </p:nvSpPr>
        <p:spPr>
          <a:xfrm>
            <a:off x="446939" y="1847322"/>
            <a:ext cx="4380700" cy="1354237"/>
          </a:xfrm>
        </p:spPr>
        <p:txBody>
          <a:bodyPr>
            <a:noAutofit/>
          </a:bodyPr>
          <a:lstStyle/>
          <a:p>
            <a:pPr marL="0" indent="0">
              <a:lnSpc>
                <a:spcPct val="100000"/>
              </a:lnSpc>
              <a:buNone/>
            </a:pPr>
            <a:r>
              <a:rPr lang="en-US" sz="1400" dirty="0">
                <a:ea typeface="Roboto SemiBold" panose="02000000000000000000" pitchFamily="2" charset="0"/>
              </a:rPr>
              <a:t>We used this feature in an actual course (snapshots shown alongside) featuring realistic characters placed in varied backgrounds that reflect the learning context.</a:t>
            </a:r>
          </a:p>
          <a:p>
            <a:pPr marL="0" indent="0">
              <a:lnSpc>
                <a:spcPct val="100000"/>
              </a:lnSpc>
              <a:buNone/>
            </a:pPr>
            <a:r>
              <a:rPr lang="en-US" sz="1400" b="1" dirty="0">
                <a:ea typeface="Roboto SemiBold" panose="02000000000000000000" pitchFamily="2" charset="0"/>
              </a:rPr>
              <a:t>Impact</a:t>
            </a:r>
            <a:r>
              <a:rPr lang="en-US" sz="1400" dirty="0">
                <a:ea typeface="Roboto SemiBold" panose="02000000000000000000" pitchFamily="2" charset="0"/>
              </a:rPr>
              <a:t>: Enhanced visual cohesion, increased realism, and improved client delight</a:t>
            </a:r>
            <a:endParaRPr lang="en-US" sz="1400" dirty="0"/>
          </a:p>
          <a:p>
            <a:pPr marL="0" indent="0">
              <a:lnSpc>
                <a:spcPct val="100000"/>
              </a:lnSpc>
              <a:buNone/>
            </a:pPr>
            <a:endParaRPr lang="en-US" sz="1400" dirty="0">
              <a:ea typeface="Roboto SemiBold" panose="02000000000000000000" pitchFamily="2" charset="0"/>
            </a:endParaRPr>
          </a:p>
        </p:txBody>
      </p:sp>
      <p:pic>
        <p:nvPicPr>
          <p:cNvPr id="2" name="Picture 1">
            <a:extLst>
              <a:ext uri="{FF2B5EF4-FFF2-40B4-BE49-F238E27FC236}">
                <a16:creationId xmlns:a16="http://schemas.microsoft.com/office/drawing/2014/main" id="{A4DCA65E-D7DD-0EBA-65EB-82073AB8C883}"/>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8566589" y="1972532"/>
            <a:ext cx="3266960" cy="1835683"/>
          </a:xfrm>
          <a:prstGeom prst="roundRect">
            <a:avLst>
              <a:gd name="adj" fmla="val 3801"/>
            </a:avLst>
          </a:prstGeom>
          <a:ln w="9525">
            <a:solidFill>
              <a:srgbClr val="5B3AD4"/>
            </a:solidFill>
            <a:prstDash val="solid"/>
          </a:ln>
          <a:effectLst/>
        </p:spPr>
      </p:pic>
      <p:pic>
        <p:nvPicPr>
          <p:cNvPr id="3" name="Picture 2" descr="A person and person standing together&#10;&#10;AI-generated content may be incorrect.">
            <a:extLst>
              <a:ext uri="{FF2B5EF4-FFF2-40B4-BE49-F238E27FC236}">
                <a16:creationId xmlns:a16="http://schemas.microsoft.com/office/drawing/2014/main" id="{A3D175B0-2C9A-EC9B-2832-FC4406D2948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179243" y="1972531"/>
            <a:ext cx="3278717" cy="1835683"/>
          </a:xfrm>
          <a:prstGeom prst="roundRect">
            <a:avLst>
              <a:gd name="adj" fmla="val 3801"/>
            </a:avLst>
          </a:prstGeom>
          <a:ln w="9525">
            <a:solidFill>
              <a:srgbClr val="5B3AD4"/>
            </a:solidFill>
            <a:prstDash val="solid"/>
          </a:ln>
          <a:effectLst/>
        </p:spPr>
      </p:pic>
      <p:pic>
        <p:nvPicPr>
          <p:cNvPr id="4" name="Picture 3" descr="A person and person talking&#10;&#10;AI-generated content may be incorrect.">
            <a:extLst>
              <a:ext uri="{FF2B5EF4-FFF2-40B4-BE49-F238E27FC236}">
                <a16:creationId xmlns:a16="http://schemas.microsoft.com/office/drawing/2014/main" id="{94A1C9EC-088D-A163-00A3-F43E19362C37}"/>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8570330" y="4297379"/>
            <a:ext cx="3259478" cy="1837052"/>
          </a:xfrm>
          <a:prstGeom prst="roundRect">
            <a:avLst>
              <a:gd name="adj" fmla="val 3801"/>
            </a:avLst>
          </a:prstGeom>
          <a:ln w="9525">
            <a:solidFill>
              <a:srgbClr val="5B3AD4"/>
            </a:solidFill>
            <a:prstDash val="solid"/>
          </a:ln>
          <a:effectLst/>
        </p:spPr>
      </p:pic>
      <p:pic>
        <p:nvPicPr>
          <p:cNvPr id="5" name="Picture 4" descr="A person and person on a computer&#10;&#10;AI-generated content may be incorrect.">
            <a:extLst>
              <a:ext uri="{FF2B5EF4-FFF2-40B4-BE49-F238E27FC236}">
                <a16:creationId xmlns:a16="http://schemas.microsoft.com/office/drawing/2014/main" id="{C3BA935A-F1EF-D4D1-7FAF-009E6656753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5188863" y="4297381"/>
            <a:ext cx="3259477" cy="1835684"/>
          </a:xfrm>
          <a:prstGeom prst="roundRect">
            <a:avLst>
              <a:gd name="adj" fmla="val 3801"/>
            </a:avLst>
          </a:prstGeom>
          <a:ln w="9525">
            <a:solidFill>
              <a:srgbClr val="5B3AD4"/>
            </a:solidFill>
            <a:prstDash val="solid"/>
          </a:ln>
          <a:effectLst/>
        </p:spPr>
      </p:pic>
      <p:sp>
        <p:nvSpPr>
          <p:cNvPr id="6" name="Rectangle: Rounded Corners 5">
            <a:extLst>
              <a:ext uri="{FF2B5EF4-FFF2-40B4-BE49-F238E27FC236}">
                <a16:creationId xmlns:a16="http://schemas.microsoft.com/office/drawing/2014/main" id="{215554E2-497B-6E2F-FA9A-234731982153}"/>
              </a:ext>
            </a:extLst>
          </p:cNvPr>
          <p:cNvSpPr/>
          <p:nvPr/>
        </p:nvSpPr>
        <p:spPr>
          <a:xfrm>
            <a:off x="6143855" y="3943743"/>
            <a:ext cx="1349493" cy="224013"/>
          </a:xfrm>
          <a:prstGeom prst="roundRect">
            <a:avLst>
              <a:gd name="adj" fmla="val 50000"/>
            </a:avLst>
          </a:prstGeom>
          <a:solidFill>
            <a:srgbClr val="00116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100" dirty="0">
                <a:solidFill>
                  <a:schemeClr val="bg1"/>
                </a:solidFill>
                <a:latin typeface="Roboto SemiBold" panose="02000000000000000000" pitchFamily="2" charset="0"/>
                <a:ea typeface="Roboto SemiBold" panose="02000000000000000000" pitchFamily="2" charset="0"/>
              </a:rPr>
              <a:t>Fireside Chat</a:t>
            </a:r>
            <a:endParaRPr lang="en-IN" sz="1100" dirty="0">
              <a:solidFill>
                <a:schemeClr val="bg1"/>
              </a:solidFill>
              <a:latin typeface="Roboto SemiBold" panose="02000000000000000000" pitchFamily="2" charset="0"/>
              <a:ea typeface="Roboto SemiBold" panose="02000000000000000000" pitchFamily="2" charset="0"/>
            </a:endParaRPr>
          </a:p>
        </p:txBody>
      </p:sp>
      <p:sp>
        <p:nvSpPr>
          <p:cNvPr id="7" name="Rectangle: Rounded Corners 6">
            <a:extLst>
              <a:ext uri="{FF2B5EF4-FFF2-40B4-BE49-F238E27FC236}">
                <a16:creationId xmlns:a16="http://schemas.microsoft.com/office/drawing/2014/main" id="{A64CB245-8E14-9EC5-6386-951BEEC1E6A5}"/>
              </a:ext>
            </a:extLst>
          </p:cNvPr>
          <p:cNvSpPr/>
          <p:nvPr/>
        </p:nvSpPr>
        <p:spPr>
          <a:xfrm>
            <a:off x="9525323" y="1612989"/>
            <a:ext cx="1349493" cy="224013"/>
          </a:xfrm>
          <a:prstGeom prst="roundRect">
            <a:avLst>
              <a:gd name="adj" fmla="val 50000"/>
            </a:avLst>
          </a:prstGeom>
          <a:solidFill>
            <a:srgbClr val="00116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100" dirty="0">
                <a:solidFill>
                  <a:schemeClr val="bg1"/>
                </a:solidFill>
                <a:latin typeface="Roboto SemiBold" panose="02000000000000000000" pitchFamily="2" charset="0"/>
                <a:ea typeface="Roboto SemiBold" panose="02000000000000000000" pitchFamily="2" charset="0"/>
              </a:rPr>
              <a:t>Boardroom Talk</a:t>
            </a:r>
            <a:endParaRPr lang="en-IN" sz="1100" dirty="0">
              <a:solidFill>
                <a:schemeClr val="bg1"/>
              </a:solidFill>
              <a:latin typeface="Roboto SemiBold" panose="02000000000000000000" pitchFamily="2" charset="0"/>
              <a:ea typeface="Roboto SemiBold" panose="02000000000000000000" pitchFamily="2" charset="0"/>
            </a:endParaRPr>
          </a:p>
        </p:txBody>
      </p:sp>
      <p:sp>
        <p:nvSpPr>
          <p:cNvPr id="10" name="Rectangle: Rounded Corners 9">
            <a:extLst>
              <a:ext uri="{FF2B5EF4-FFF2-40B4-BE49-F238E27FC236}">
                <a16:creationId xmlns:a16="http://schemas.microsoft.com/office/drawing/2014/main" id="{688D053D-BD55-C7FB-155B-1627391B1636}"/>
              </a:ext>
            </a:extLst>
          </p:cNvPr>
          <p:cNvSpPr/>
          <p:nvPr/>
        </p:nvSpPr>
        <p:spPr>
          <a:xfrm>
            <a:off x="6143855" y="1612989"/>
            <a:ext cx="1349493" cy="224013"/>
          </a:xfrm>
          <a:prstGeom prst="roundRect">
            <a:avLst>
              <a:gd name="adj" fmla="val 50000"/>
            </a:avLst>
          </a:prstGeom>
          <a:solidFill>
            <a:srgbClr val="00116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100" dirty="0">
                <a:solidFill>
                  <a:schemeClr val="bg1"/>
                </a:solidFill>
                <a:latin typeface="Roboto SemiBold" panose="02000000000000000000" pitchFamily="2" charset="0"/>
                <a:ea typeface="Roboto SemiBold" panose="02000000000000000000" pitchFamily="2" charset="0"/>
              </a:rPr>
              <a:t>Meet the Team</a:t>
            </a:r>
            <a:endParaRPr lang="en-IN" sz="1100" dirty="0">
              <a:solidFill>
                <a:schemeClr val="bg1"/>
              </a:solidFill>
              <a:latin typeface="Roboto SemiBold" panose="02000000000000000000" pitchFamily="2" charset="0"/>
              <a:ea typeface="Roboto SemiBold" panose="02000000000000000000" pitchFamily="2" charset="0"/>
            </a:endParaRPr>
          </a:p>
        </p:txBody>
      </p:sp>
      <p:sp>
        <p:nvSpPr>
          <p:cNvPr id="17" name="Rectangle: Rounded Corners 16">
            <a:extLst>
              <a:ext uri="{FF2B5EF4-FFF2-40B4-BE49-F238E27FC236}">
                <a16:creationId xmlns:a16="http://schemas.microsoft.com/office/drawing/2014/main" id="{A08EAFAF-E765-1DB8-6809-5E41FFB23E97}"/>
              </a:ext>
            </a:extLst>
          </p:cNvPr>
          <p:cNvSpPr/>
          <p:nvPr/>
        </p:nvSpPr>
        <p:spPr>
          <a:xfrm>
            <a:off x="9525323" y="3943743"/>
            <a:ext cx="1349493" cy="224013"/>
          </a:xfrm>
          <a:prstGeom prst="roundRect">
            <a:avLst>
              <a:gd name="adj" fmla="val 50000"/>
            </a:avLst>
          </a:prstGeom>
          <a:solidFill>
            <a:srgbClr val="00116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100" dirty="0">
                <a:solidFill>
                  <a:schemeClr val="bg1"/>
                </a:solidFill>
                <a:latin typeface="Roboto SemiBold" panose="02000000000000000000" pitchFamily="2" charset="0"/>
                <a:ea typeface="Roboto SemiBold" panose="02000000000000000000" pitchFamily="2" charset="0"/>
              </a:rPr>
              <a:t>Breakroom Meet</a:t>
            </a:r>
            <a:endParaRPr lang="en-IN" sz="1100" dirty="0">
              <a:solidFill>
                <a:schemeClr val="bg1"/>
              </a:solidFill>
              <a:latin typeface="Roboto SemiBold" panose="02000000000000000000" pitchFamily="2" charset="0"/>
              <a:ea typeface="Roboto SemiBold" panose="02000000000000000000" pitchFamily="2" charset="0"/>
            </a:endParaRPr>
          </a:p>
        </p:txBody>
      </p:sp>
    </p:spTree>
    <p:extLst>
      <p:ext uri="{BB962C8B-B14F-4D97-AF65-F5344CB8AC3E}">
        <p14:creationId xmlns:p14="http://schemas.microsoft.com/office/powerpoint/2010/main" val="674180494"/>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7444780-8469-93E3-D866-9066D2C9E8FE}"/>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D6B5E55A-3224-CEB2-C0A9-9A9290AF3775}"/>
              </a:ext>
            </a:extLst>
          </p:cNvPr>
          <p:cNvPicPr>
            <a:picLocks noChangeAspect="1"/>
          </p:cNvPicPr>
          <p:nvPr/>
        </p:nvPicPr>
        <p:blipFill rotWithShape="1">
          <a:blip r:embed="rId5">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1CFDECB5-0521-F35E-432F-12DB21B04467}"/>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FE968BB4-BAEC-379D-8159-52035C49A1B4}"/>
              </a:ext>
            </a:extLst>
          </p:cNvPr>
          <p:cNvSpPr>
            <a:spLocks noGrp="1"/>
          </p:cNvSpPr>
          <p:nvPr>
            <p:ph type="title"/>
          </p:nvPr>
        </p:nvSpPr>
        <p:spPr/>
        <p:txBody>
          <a:bodyPr>
            <a:normAutofit/>
          </a:bodyPr>
          <a:lstStyle/>
          <a:p>
            <a:r>
              <a:rPr lang="en-IN" b="1" dirty="0" err="1">
                <a:solidFill>
                  <a:schemeClr val="bg1"/>
                </a:solidFill>
                <a:ea typeface="Roboto SemiBold" panose="02000000000000000000" pitchFamily="2" charset="0"/>
              </a:rPr>
              <a:t>Colossyan</a:t>
            </a:r>
            <a:r>
              <a:rPr lang="en-IN" b="1" dirty="0">
                <a:solidFill>
                  <a:schemeClr val="bg1"/>
                </a:solidFill>
                <a:ea typeface="Roboto SemiBold" panose="02000000000000000000" pitchFamily="2" charset="0"/>
              </a:rPr>
              <a:t> </a:t>
            </a:r>
            <a:r>
              <a:rPr lang="en-IN" dirty="0">
                <a:solidFill>
                  <a:schemeClr val="bg1"/>
                </a:solidFill>
                <a:ea typeface="Roboto SemiBold" panose="02000000000000000000" pitchFamily="2" charset="0"/>
              </a:rPr>
              <a:t>Samples: </a:t>
            </a:r>
            <a:r>
              <a:rPr lang="fi-FI" dirty="0">
                <a:solidFill>
                  <a:schemeClr val="bg1"/>
                </a:solidFill>
                <a:ea typeface="Roboto SemiBold" panose="02000000000000000000" pitchFamily="2" charset="0"/>
              </a:rPr>
              <a:t>Multi-view Talking AI Avatar (Continued ...)</a:t>
            </a:r>
            <a:endParaRPr lang="en-IN" dirty="0">
              <a:solidFill>
                <a:schemeClr val="bg1"/>
              </a:solidFill>
              <a:ea typeface="Roboto SemiBold" panose="02000000000000000000" pitchFamily="2" charset="0"/>
            </a:endParaRPr>
          </a:p>
        </p:txBody>
      </p:sp>
      <p:pic>
        <p:nvPicPr>
          <p:cNvPr id="15" name="02 Breakroom Meet- Understanding Itar 2">
            <a:hlinkClick r:id="" action="ppaction://media"/>
            <a:extLst>
              <a:ext uri="{FF2B5EF4-FFF2-40B4-BE49-F238E27FC236}">
                <a16:creationId xmlns:a16="http://schemas.microsoft.com/office/drawing/2014/main" id="{E4105098-2BBB-B845-D15F-0756FC699F7F}"/>
              </a:ext>
            </a:extLst>
          </p:cNvPr>
          <p:cNvPicPr>
            <a:picLocks noChangeAspect="1"/>
          </p:cNvPicPr>
          <p:nvPr>
            <a:videoFile r:link="rId2"/>
            <p:extLst>
              <p:ext uri="{DAA4B4D4-6D71-4841-9C94-3DE7FCFB9230}">
                <p14:media xmlns:p14="http://schemas.microsoft.com/office/powerpoint/2010/main" r:embed="rId1"/>
              </p:ext>
            </p:extLst>
          </p:nvPr>
        </p:nvPicPr>
        <p:blipFill>
          <a:blip r:embed="rId6"/>
          <a:stretch>
            <a:fillRect/>
          </a:stretch>
        </p:blipFill>
        <p:spPr>
          <a:xfrm>
            <a:off x="4041145" y="1719363"/>
            <a:ext cx="7828702" cy="4403645"/>
          </a:xfrm>
          <a:prstGeom prst="rect">
            <a:avLst/>
          </a:prstGeom>
        </p:spPr>
      </p:pic>
      <p:sp>
        <p:nvSpPr>
          <p:cNvPr id="2" name="Content Placeholder 20">
            <a:extLst>
              <a:ext uri="{FF2B5EF4-FFF2-40B4-BE49-F238E27FC236}">
                <a16:creationId xmlns:a16="http://schemas.microsoft.com/office/drawing/2014/main" id="{D3ED57FE-3ACA-C52D-F80F-862FF96D5EF5}"/>
              </a:ext>
            </a:extLst>
          </p:cNvPr>
          <p:cNvSpPr>
            <a:spLocks noGrp="1"/>
          </p:cNvSpPr>
          <p:nvPr>
            <p:ph idx="1"/>
          </p:nvPr>
        </p:nvSpPr>
        <p:spPr>
          <a:xfrm>
            <a:off x="446940" y="1633193"/>
            <a:ext cx="3251171" cy="759112"/>
          </a:xfrm>
        </p:spPr>
        <p:txBody>
          <a:bodyPr>
            <a:noAutofit/>
          </a:bodyPr>
          <a:lstStyle/>
          <a:p>
            <a:pPr marL="0" indent="0">
              <a:lnSpc>
                <a:spcPct val="100000"/>
              </a:lnSpc>
              <a:buNone/>
            </a:pPr>
            <a:r>
              <a:rPr lang="en-US" sz="1400" dirty="0">
                <a:ea typeface="Roboto SemiBold" panose="02000000000000000000" pitchFamily="2" charset="0"/>
              </a:rPr>
              <a:t>Videos were embedded throughout the course to maintain learner interest and continuity, supported by custom motion graphics and After Effects transitions for a seamless, polished, storytelling experience.</a:t>
            </a:r>
          </a:p>
        </p:txBody>
      </p:sp>
      <p:sp>
        <p:nvSpPr>
          <p:cNvPr id="3" name="Content Placeholder 20">
            <a:extLst>
              <a:ext uri="{FF2B5EF4-FFF2-40B4-BE49-F238E27FC236}">
                <a16:creationId xmlns:a16="http://schemas.microsoft.com/office/drawing/2014/main" id="{055878F0-B020-C817-F9CA-7B7A52E342BD}"/>
              </a:ext>
            </a:extLst>
          </p:cNvPr>
          <p:cNvSpPr txBox="1">
            <a:spLocks/>
          </p:cNvSpPr>
          <p:nvPr/>
        </p:nvSpPr>
        <p:spPr>
          <a:xfrm>
            <a:off x="446939" y="3162782"/>
            <a:ext cx="3139541" cy="35481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i="1" dirty="0">
                <a:latin typeface="Roboto SemiBold" panose="02000000000000000000" pitchFamily="2" charset="0"/>
                <a:ea typeface="Roboto SemiBold" panose="02000000000000000000" pitchFamily="2" charset="0"/>
              </a:rPr>
              <a:t>Watch the sample video.</a:t>
            </a:r>
          </a:p>
        </p:txBody>
      </p:sp>
    </p:spTree>
    <p:extLst>
      <p:ext uri="{BB962C8B-B14F-4D97-AF65-F5344CB8AC3E}">
        <p14:creationId xmlns:p14="http://schemas.microsoft.com/office/powerpoint/2010/main" val="3974034882"/>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5"/>
                    </p:tgtEl>
                  </p:cond>
                </p:stCondLst>
                <p:endSync evt="end" delay="0">
                  <p:rtn val="all"/>
                </p:endSync>
                <p:childTnLst>
                  <p:par>
                    <p:cTn id="3" fill="hold">
                      <p:stCondLst>
                        <p:cond delay="0"/>
                      </p:stCondLst>
                      <p:childTnLst>
                        <p:par>
                          <p:cTn id="4" fill="hold">
                            <p:stCondLst>
                              <p:cond delay="0"/>
                            </p:stCondLst>
                            <p:childTnLst>
                              <p:par>
                                <p:cTn id="5" presetID="2" presetClass="mediacall" presetSubtype="0" fill="hold" nodeType="clickEffect">
                                  <p:stCondLst>
                                    <p:cond delay="0"/>
                                  </p:stCondLst>
                                  <p:childTnLst>
                                    <p:cmd type="call" cmd="togglePause">
                                      <p:cBhvr>
                                        <p:cTn id="6" dur="1" fill="hold"/>
                                        <p:tgtEl>
                                          <p:spTgt spid="15"/>
                                        </p:tgtEl>
                                      </p:cBhvr>
                                    </p:cmd>
                                  </p:childTnLst>
                                </p:cTn>
                              </p:par>
                            </p:childTnLst>
                          </p:cTn>
                        </p:par>
                      </p:childTnLst>
                    </p:cTn>
                  </p:par>
                </p:childTnLst>
              </p:cTn>
              <p:nextCondLst>
                <p:cond evt="onClick" delay="0">
                  <p:tgtEl>
                    <p:spTgt spid="15"/>
                  </p:tgtEl>
                </p:cond>
              </p:nextCondLst>
            </p:seq>
            <p:video fullScrn="1">
              <p:cMediaNode vol="100000">
                <p:cTn id="7" fill="hold" display="0">
                  <p:stCondLst>
                    <p:cond delay="indefinite"/>
                  </p:stCondLst>
                </p:cTn>
                <p:tgtEl>
                  <p:spTgt spid="15"/>
                </p:tgtEl>
              </p:cMediaNode>
            </p:video>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26893B-926B-0D9F-A324-E5B99AB5BF1C}"/>
            </a:ext>
          </a:extLst>
        </p:cNvPr>
        <p:cNvGrpSpPr/>
        <p:nvPr/>
      </p:nvGrpSpPr>
      <p:grpSpPr>
        <a:xfrm>
          <a:off x="0" y="0"/>
          <a:ext cx="0" cy="0"/>
          <a:chOff x="0" y="0"/>
          <a:chExt cx="0" cy="0"/>
        </a:xfrm>
      </p:grpSpPr>
      <p:pic>
        <p:nvPicPr>
          <p:cNvPr id="4" name="Illustrative Character with Lip Sync (2)">
            <a:hlinkClick r:id="" action="ppaction://media"/>
            <a:extLst>
              <a:ext uri="{FF2B5EF4-FFF2-40B4-BE49-F238E27FC236}">
                <a16:creationId xmlns:a16="http://schemas.microsoft.com/office/drawing/2014/main" id="{798B1E43-1C9A-FD4A-E5F5-6980109EA4CF}"/>
              </a:ext>
            </a:extLst>
          </p:cNvPr>
          <p:cNvPicPr>
            <a:picLocks noChangeAspect="1"/>
          </p:cNvPicPr>
          <p:nvPr>
            <a:videoFile r:link="rId2"/>
            <p:extLst>
              <p:ext uri="{DAA4B4D4-6D71-4841-9C94-3DE7FCFB9230}">
                <p14:media xmlns:p14="http://schemas.microsoft.com/office/powerpoint/2010/main" r:embed="rId1"/>
              </p:ext>
            </p:extLst>
          </p:nvPr>
        </p:nvPicPr>
        <p:blipFill>
          <a:blip r:embed="rId5"/>
          <a:stretch>
            <a:fillRect/>
          </a:stretch>
        </p:blipFill>
        <p:spPr>
          <a:xfrm>
            <a:off x="4062956" y="1770926"/>
            <a:ext cx="7741311" cy="4354487"/>
          </a:xfrm>
          <a:prstGeom prst="rect">
            <a:avLst/>
          </a:prstGeom>
        </p:spPr>
      </p:pic>
      <p:pic>
        <p:nvPicPr>
          <p:cNvPr id="8" name="Picture 7" descr="A picture containing text, toy&#10;&#10;Description automatically generated">
            <a:extLst>
              <a:ext uri="{FF2B5EF4-FFF2-40B4-BE49-F238E27FC236}">
                <a16:creationId xmlns:a16="http://schemas.microsoft.com/office/drawing/2014/main" id="{C94C0947-D250-A9D3-45DF-8CCCD5D39BCA}"/>
              </a:ext>
            </a:extLst>
          </p:cNvPr>
          <p:cNvPicPr>
            <a:picLocks noChangeAspect="1"/>
          </p:cNvPicPr>
          <p:nvPr/>
        </p:nvPicPr>
        <p:blipFill rotWithShape="1">
          <a:blip r:embed="rId6">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6C61D4E7-C785-2C09-F74D-14D421AFF24D}"/>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8FB75543-DAD5-6145-0E74-31FFB5681F23}"/>
              </a:ext>
            </a:extLst>
          </p:cNvPr>
          <p:cNvSpPr>
            <a:spLocks noGrp="1"/>
          </p:cNvSpPr>
          <p:nvPr>
            <p:ph type="title"/>
          </p:nvPr>
        </p:nvSpPr>
        <p:spPr/>
        <p:txBody>
          <a:bodyPr>
            <a:normAutofit/>
          </a:bodyPr>
          <a:lstStyle/>
          <a:p>
            <a:r>
              <a:rPr lang="en-IN" b="1" dirty="0">
                <a:solidFill>
                  <a:schemeClr val="bg1"/>
                </a:solidFill>
                <a:ea typeface="Roboto SemiBold" panose="02000000000000000000" pitchFamily="2" charset="0"/>
              </a:rPr>
              <a:t>AI-driven lip sync</a:t>
            </a:r>
            <a:endParaRPr lang="en-IN" dirty="0">
              <a:solidFill>
                <a:schemeClr val="bg1"/>
              </a:solidFill>
              <a:ea typeface="Roboto SemiBold" panose="02000000000000000000" pitchFamily="2" charset="0"/>
            </a:endParaRPr>
          </a:p>
        </p:txBody>
      </p:sp>
      <p:sp>
        <p:nvSpPr>
          <p:cNvPr id="2" name="Content Placeholder 20">
            <a:extLst>
              <a:ext uri="{FF2B5EF4-FFF2-40B4-BE49-F238E27FC236}">
                <a16:creationId xmlns:a16="http://schemas.microsoft.com/office/drawing/2014/main" id="{0AAC2E39-C28F-0371-F3AB-4997F59B0A91}"/>
              </a:ext>
            </a:extLst>
          </p:cNvPr>
          <p:cNvSpPr>
            <a:spLocks noGrp="1"/>
          </p:cNvSpPr>
          <p:nvPr>
            <p:ph idx="1"/>
          </p:nvPr>
        </p:nvSpPr>
        <p:spPr>
          <a:xfrm>
            <a:off x="446939" y="1770926"/>
            <a:ext cx="3216448" cy="759112"/>
          </a:xfrm>
        </p:spPr>
        <p:txBody>
          <a:bodyPr>
            <a:noAutofit/>
          </a:bodyPr>
          <a:lstStyle/>
          <a:p>
            <a:pPr marL="0" indent="0">
              <a:lnSpc>
                <a:spcPct val="100000"/>
              </a:lnSpc>
              <a:buNone/>
            </a:pPr>
            <a:r>
              <a:rPr lang="en-US" sz="1400" dirty="0">
                <a:ea typeface="Roboto SemiBold" panose="02000000000000000000" pitchFamily="2" charset="0"/>
              </a:rPr>
              <a:t>AI-driven lip sync significantly reduces animation effort by eliminating manual frame-by-frame mouth movements, enabling faster production turnaround and improved resource utilization across projects.</a:t>
            </a:r>
          </a:p>
        </p:txBody>
      </p:sp>
      <p:sp>
        <p:nvSpPr>
          <p:cNvPr id="3" name="Content Placeholder 20">
            <a:extLst>
              <a:ext uri="{FF2B5EF4-FFF2-40B4-BE49-F238E27FC236}">
                <a16:creationId xmlns:a16="http://schemas.microsoft.com/office/drawing/2014/main" id="{7F3007D8-4E5E-8B09-16AF-CEC93F6BA7BB}"/>
              </a:ext>
            </a:extLst>
          </p:cNvPr>
          <p:cNvSpPr txBox="1">
            <a:spLocks/>
          </p:cNvSpPr>
          <p:nvPr/>
        </p:nvSpPr>
        <p:spPr>
          <a:xfrm>
            <a:off x="446939" y="3294869"/>
            <a:ext cx="3139541" cy="35481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Font typeface="Arial" panose="020B0604020202020204" pitchFamily="34" charset="0"/>
              <a:buNone/>
            </a:pPr>
            <a:r>
              <a:rPr lang="en-US" sz="1400" i="1" dirty="0">
                <a:latin typeface="Roboto SemiBold" panose="02000000000000000000" pitchFamily="2" charset="0"/>
                <a:ea typeface="Roboto SemiBold" panose="02000000000000000000" pitchFamily="2" charset="0"/>
              </a:rPr>
              <a:t>Watch the sample video.</a:t>
            </a:r>
          </a:p>
        </p:txBody>
      </p:sp>
      <p:sp>
        <p:nvSpPr>
          <p:cNvPr id="5" name="Content Placeholder 20">
            <a:extLst>
              <a:ext uri="{FF2B5EF4-FFF2-40B4-BE49-F238E27FC236}">
                <a16:creationId xmlns:a16="http://schemas.microsoft.com/office/drawing/2014/main" id="{006052B7-6CBE-8558-DD95-B27249B1865C}"/>
              </a:ext>
            </a:extLst>
          </p:cNvPr>
          <p:cNvSpPr txBox="1">
            <a:spLocks/>
          </p:cNvSpPr>
          <p:nvPr/>
        </p:nvSpPr>
        <p:spPr>
          <a:xfrm>
            <a:off x="3961784" y="6187576"/>
            <a:ext cx="5002809" cy="272980"/>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Font typeface="Arial" panose="020B0604020202020204" pitchFamily="34" charset="0"/>
              <a:buNone/>
            </a:pPr>
            <a:r>
              <a:rPr lang="en-US" sz="1000" i="1" dirty="0">
                <a:latin typeface="Roboto SemiBold" panose="02000000000000000000" pitchFamily="2" charset="0"/>
                <a:ea typeface="Roboto SemiBold" panose="02000000000000000000" pitchFamily="2" charset="0"/>
              </a:rPr>
              <a:t>* This video sample created specifically for this CGI Presentation</a:t>
            </a:r>
          </a:p>
        </p:txBody>
      </p:sp>
    </p:spTree>
    <p:extLst>
      <p:ext uri="{BB962C8B-B14F-4D97-AF65-F5344CB8AC3E}">
        <p14:creationId xmlns:p14="http://schemas.microsoft.com/office/powerpoint/2010/main" val="2077667288"/>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6928"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100000">
                <p:cTn id="7" fill="hold" display="0">
                  <p:stCondLst>
                    <p:cond delay="indefinite"/>
                  </p:st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1B7D9C4-62EA-2D8E-8021-E4D77FF09E96}"/>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F5F5A975-AAB0-5383-3E3F-071276428AA4}"/>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71C41068-823E-E491-3BA0-37E0DBAD82F9}"/>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D904B3DD-2EC3-69FD-F6FC-8A81FAEC6B6B}"/>
              </a:ext>
            </a:extLst>
          </p:cNvPr>
          <p:cNvSpPr>
            <a:spLocks noGrp="1"/>
          </p:cNvSpPr>
          <p:nvPr>
            <p:ph type="title"/>
          </p:nvPr>
        </p:nvSpPr>
        <p:spPr/>
        <p:txBody>
          <a:bodyPr>
            <a:normAutofit/>
          </a:bodyPr>
          <a:lstStyle/>
          <a:p>
            <a:r>
              <a:rPr lang="en-US" dirty="0">
                <a:solidFill>
                  <a:schemeClr val="bg1"/>
                </a:solidFill>
                <a:ea typeface="Roboto SemiBold" panose="02000000000000000000" pitchFamily="2" charset="0"/>
                <a:cs typeface="Open Sans" pitchFamily="2" charset="0"/>
              </a:rPr>
              <a:t>Introduction: Showcasing Our AI Capabilities</a:t>
            </a:r>
            <a:endParaRPr lang="en-IN" dirty="0">
              <a:solidFill>
                <a:schemeClr val="bg1"/>
              </a:solidFill>
              <a:ea typeface="Roboto SemiBold" panose="02000000000000000000" pitchFamily="2" charset="0"/>
              <a:cs typeface="Open Sans" pitchFamily="2" charset="0"/>
            </a:endParaRPr>
          </a:p>
        </p:txBody>
      </p:sp>
      <p:sp>
        <p:nvSpPr>
          <p:cNvPr id="21" name="Content Placeholder 20">
            <a:extLst>
              <a:ext uri="{FF2B5EF4-FFF2-40B4-BE49-F238E27FC236}">
                <a16:creationId xmlns:a16="http://schemas.microsoft.com/office/drawing/2014/main" id="{C7745AB4-D338-3117-EBB8-225A87D4DC3B}"/>
              </a:ext>
            </a:extLst>
          </p:cNvPr>
          <p:cNvSpPr>
            <a:spLocks noGrp="1"/>
          </p:cNvSpPr>
          <p:nvPr>
            <p:ph idx="1"/>
          </p:nvPr>
        </p:nvSpPr>
        <p:spPr>
          <a:xfrm>
            <a:off x="446939" y="1561434"/>
            <a:ext cx="9955590" cy="612073"/>
          </a:xfrm>
        </p:spPr>
        <p:txBody>
          <a:bodyPr>
            <a:noAutofit/>
          </a:bodyPr>
          <a:lstStyle/>
          <a:p>
            <a:pPr marL="0" indent="0">
              <a:lnSpc>
                <a:spcPct val="100000"/>
              </a:lnSpc>
              <a:buNone/>
            </a:pPr>
            <a:r>
              <a:rPr lang="en-US" sz="1400" dirty="0">
                <a:ea typeface="Roboto SemiBold" panose="02000000000000000000" pitchFamily="2" charset="0"/>
              </a:rPr>
              <a:t>Dive into the heart of our organization's AI journey, highlighting the cutting-edge capabilities we have developed through:</a:t>
            </a:r>
            <a:endParaRPr lang="en-IN" sz="1400" b="1" dirty="0">
              <a:ea typeface="Roboto SemiBold" panose="02000000000000000000" pitchFamily="2" charset="0"/>
            </a:endParaRPr>
          </a:p>
        </p:txBody>
      </p:sp>
      <p:sp>
        <p:nvSpPr>
          <p:cNvPr id="3" name="TextBox 2">
            <a:extLst>
              <a:ext uri="{FF2B5EF4-FFF2-40B4-BE49-F238E27FC236}">
                <a16:creationId xmlns:a16="http://schemas.microsoft.com/office/drawing/2014/main" id="{68B103AF-D322-5D74-200A-298839F41C7E}"/>
              </a:ext>
            </a:extLst>
          </p:cNvPr>
          <p:cNvSpPr txBox="1"/>
          <p:nvPr/>
        </p:nvSpPr>
        <p:spPr>
          <a:xfrm>
            <a:off x="4248303" y="3325147"/>
            <a:ext cx="3364208" cy="2416046"/>
          </a:xfrm>
          <a:prstGeom prst="rect">
            <a:avLst/>
          </a:prstGeom>
          <a:noFill/>
        </p:spPr>
        <p:txBody>
          <a:bodyPr wrap="square" rtlCol="0">
            <a:spAutoFit/>
          </a:bodyPr>
          <a:lstStyle/>
          <a:p>
            <a:pPr marL="0" lvl="1"/>
            <a:r>
              <a:rPr lang="en-US" sz="1400" b="1" dirty="0">
                <a:solidFill>
                  <a:schemeClr val="tx1">
                    <a:lumMod val="85000"/>
                    <a:lumOff val="15000"/>
                  </a:schemeClr>
                </a:solidFill>
                <a:latin typeface="Roboto SemiBold" panose="02000000000000000000" pitchFamily="2" charset="0"/>
                <a:ea typeface="Roboto Light" panose="02000000000000000000" pitchFamily="2" charset="0"/>
              </a:rPr>
              <a:t>Proof-of-concept (POC ): </a:t>
            </a:r>
            <a:endParaRPr lang="en-US" sz="1400" dirty="0">
              <a:solidFill>
                <a:schemeClr val="tx1">
                  <a:lumMod val="75000"/>
                  <a:lumOff val="25000"/>
                </a:schemeClr>
              </a:solidFill>
              <a:latin typeface="Roboto SemiBold" panose="02000000000000000000" pitchFamily="2" charset="0"/>
              <a:ea typeface="Roboto Light" panose="02000000000000000000" pitchFamily="2" charset="0"/>
            </a:endParaRP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Explores bold ideas through practical AI experimentation</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Demonstrates how variety of AI tools can address real-world challenges,  such as process automation</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Lays the groundwork for scalable solutions that drive organizational growth</a:t>
            </a:r>
          </a:p>
        </p:txBody>
      </p:sp>
      <p:grpSp>
        <p:nvGrpSpPr>
          <p:cNvPr id="2" name="Group 1">
            <a:extLst>
              <a:ext uri="{FF2B5EF4-FFF2-40B4-BE49-F238E27FC236}">
                <a16:creationId xmlns:a16="http://schemas.microsoft.com/office/drawing/2014/main" id="{89CB3CB6-E9FA-133F-ADFF-E8558758D835}"/>
              </a:ext>
            </a:extLst>
          </p:cNvPr>
          <p:cNvGrpSpPr/>
          <p:nvPr/>
        </p:nvGrpSpPr>
        <p:grpSpPr>
          <a:xfrm>
            <a:off x="4370650" y="2206334"/>
            <a:ext cx="934278" cy="934278"/>
            <a:chOff x="3084964" y="2583188"/>
            <a:chExt cx="934278" cy="934278"/>
          </a:xfrm>
        </p:grpSpPr>
        <p:sp>
          <p:nvSpPr>
            <p:cNvPr id="5" name="Oval 4">
              <a:extLst>
                <a:ext uri="{FF2B5EF4-FFF2-40B4-BE49-F238E27FC236}">
                  <a16:creationId xmlns:a16="http://schemas.microsoft.com/office/drawing/2014/main" id="{D016E074-C624-B985-E834-BDA7B03777FE}"/>
                </a:ext>
              </a:extLst>
            </p:cNvPr>
            <p:cNvSpPr/>
            <p:nvPr/>
          </p:nvSpPr>
          <p:spPr>
            <a:xfrm>
              <a:off x="3084964" y="2583188"/>
              <a:ext cx="934278" cy="934278"/>
            </a:xfrm>
            <a:prstGeom prst="ellipse">
              <a:avLst/>
            </a:prstGeom>
            <a:solidFill>
              <a:srgbClr val="00388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Roboto SemiBold" panose="02000000000000000000" pitchFamily="2" charset="0"/>
                <a:ea typeface="Roboto SemiBold" panose="02000000000000000000" pitchFamily="2" charset="0"/>
              </a:endParaRPr>
            </a:p>
          </p:txBody>
        </p:sp>
        <p:pic>
          <p:nvPicPr>
            <p:cNvPr id="10" name="Graphic 9" descr="Playbook outline">
              <a:extLst>
                <a:ext uri="{FF2B5EF4-FFF2-40B4-BE49-F238E27FC236}">
                  <a16:creationId xmlns:a16="http://schemas.microsoft.com/office/drawing/2014/main" id="{735A84F6-8E82-B70C-1434-0E409B730906}"/>
                </a:ext>
              </a:extLst>
            </p:cNvPr>
            <p:cNvPicPr>
              <a:picLocks noChangeAspect="1"/>
            </p:cNvPicPr>
            <p:nvPr/>
          </p:nvPicPr>
          <p:blipFill>
            <a:blip>
              <a:extLst>
                <a:ext uri="{96DAC541-7B7A-43D3-8B79-37D633B846F1}">
                  <asvg:svgBlip xmlns:asvg="http://schemas.microsoft.com/office/drawing/2016/SVG/main" r:embed="rId4"/>
                </a:ext>
              </a:extLst>
            </a:blip>
            <a:stretch>
              <a:fillRect/>
            </a:stretch>
          </p:blipFill>
          <p:spPr>
            <a:xfrm>
              <a:off x="3172438" y="2686476"/>
              <a:ext cx="762178" cy="762178"/>
            </a:xfrm>
            <a:prstGeom prst="rect">
              <a:avLst/>
            </a:prstGeom>
          </p:spPr>
        </p:pic>
      </p:grpSp>
      <p:sp>
        <p:nvSpPr>
          <p:cNvPr id="4" name="TextBox 3">
            <a:extLst>
              <a:ext uri="{FF2B5EF4-FFF2-40B4-BE49-F238E27FC236}">
                <a16:creationId xmlns:a16="http://schemas.microsoft.com/office/drawing/2014/main" id="{B76C3350-99CA-30A1-DF89-CF1C2F76A102}"/>
              </a:ext>
            </a:extLst>
          </p:cNvPr>
          <p:cNvSpPr txBox="1"/>
          <p:nvPr/>
        </p:nvSpPr>
        <p:spPr>
          <a:xfrm>
            <a:off x="8101975" y="3325147"/>
            <a:ext cx="2968092" cy="1641475"/>
          </a:xfrm>
          <a:prstGeom prst="rect">
            <a:avLst/>
          </a:prstGeom>
          <a:noFill/>
        </p:spPr>
        <p:txBody>
          <a:bodyPr wrap="square" rtlCol="0">
            <a:spAutoFit/>
          </a:bodyPr>
          <a:lstStyle/>
          <a:p>
            <a:pPr marL="0" lvl="1"/>
            <a:r>
              <a:rPr lang="en-US" sz="1400" b="1" dirty="0">
                <a:solidFill>
                  <a:schemeClr val="tx1">
                    <a:lumMod val="85000"/>
                    <a:lumOff val="15000"/>
                  </a:schemeClr>
                </a:solidFill>
                <a:latin typeface="Roboto SemiBold" panose="02000000000000000000" pitchFamily="2" charset="0"/>
                <a:ea typeface="Roboto SemiBold" panose="02000000000000000000" pitchFamily="2" charset="0"/>
              </a:rPr>
              <a:t>Project samples:</a:t>
            </a:r>
            <a:endParaRPr lang="en-US" sz="1400" dirty="0">
              <a:solidFill>
                <a:schemeClr val="tx1">
                  <a:lumMod val="75000"/>
                  <a:lumOff val="25000"/>
                </a:schemeClr>
              </a:solidFill>
              <a:latin typeface="Roboto SemiBold" panose="02000000000000000000" pitchFamily="2" charset="0"/>
              <a:ea typeface="Roboto SemiBold" panose="02000000000000000000" pitchFamily="2" charset="0"/>
            </a:endParaRP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Showcase the tangible outcomes of our AI initiatives </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Highlight how AI techniques solve specific business problems </a:t>
            </a:r>
          </a:p>
        </p:txBody>
      </p:sp>
      <p:grpSp>
        <p:nvGrpSpPr>
          <p:cNvPr id="7" name="Group 6">
            <a:extLst>
              <a:ext uri="{FF2B5EF4-FFF2-40B4-BE49-F238E27FC236}">
                <a16:creationId xmlns:a16="http://schemas.microsoft.com/office/drawing/2014/main" id="{FF30C69A-4B9C-B96E-EB32-99945D44DF36}"/>
              </a:ext>
            </a:extLst>
          </p:cNvPr>
          <p:cNvGrpSpPr/>
          <p:nvPr/>
        </p:nvGrpSpPr>
        <p:grpSpPr>
          <a:xfrm>
            <a:off x="8193475" y="2206334"/>
            <a:ext cx="934278" cy="934278"/>
            <a:chOff x="7899423" y="2583188"/>
            <a:chExt cx="934278" cy="934278"/>
          </a:xfrm>
        </p:grpSpPr>
        <p:sp>
          <p:nvSpPr>
            <p:cNvPr id="6" name="Oval 5">
              <a:extLst>
                <a:ext uri="{FF2B5EF4-FFF2-40B4-BE49-F238E27FC236}">
                  <a16:creationId xmlns:a16="http://schemas.microsoft.com/office/drawing/2014/main" id="{394F93F5-8A3F-134B-2719-BDED472C06FD}"/>
                </a:ext>
              </a:extLst>
            </p:cNvPr>
            <p:cNvSpPr/>
            <p:nvPr/>
          </p:nvSpPr>
          <p:spPr>
            <a:xfrm>
              <a:off x="7899423" y="2583188"/>
              <a:ext cx="934278" cy="934278"/>
            </a:xfrm>
            <a:prstGeom prst="ellipse">
              <a:avLst/>
            </a:prstGeom>
            <a:solidFill>
              <a:srgbClr val="00388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Roboto SemiBold" panose="02000000000000000000" pitchFamily="2" charset="0"/>
                <a:ea typeface="Roboto SemiBold" panose="02000000000000000000" pitchFamily="2" charset="0"/>
              </a:endParaRPr>
            </a:p>
          </p:txBody>
        </p:sp>
        <p:pic>
          <p:nvPicPr>
            <p:cNvPr id="11" name="Graphic 10" descr="Online meeting outline">
              <a:extLst>
                <a:ext uri="{FF2B5EF4-FFF2-40B4-BE49-F238E27FC236}">
                  <a16:creationId xmlns:a16="http://schemas.microsoft.com/office/drawing/2014/main" id="{07CF51CB-9A98-C9B8-B883-A25646290AE7}"/>
                </a:ext>
              </a:extLst>
            </p:cNvPr>
            <p:cNvPicPr>
              <a:picLocks noChangeAspect="1"/>
            </p:cNvPicPr>
            <p:nvPr/>
          </p:nvPicPr>
          <p:blipFill>
            <a:blip>
              <a:extLst>
                <a:ext uri="{96DAC541-7B7A-43D3-8B79-37D633B846F1}">
                  <asvg:svgBlip xmlns:asvg="http://schemas.microsoft.com/office/drawing/2016/SVG/main" r:embed="rId5"/>
                </a:ext>
              </a:extLst>
            </a:blip>
            <a:stretch>
              <a:fillRect/>
            </a:stretch>
          </p:blipFill>
          <p:spPr>
            <a:xfrm>
              <a:off x="8018527" y="2696147"/>
              <a:ext cx="696070" cy="696070"/>
            </a:xfrm>
            <a:prstGeom prst="rect">
              <a:avLst/>
            </a:prstGeom>
          </p:spPr>
        </p:pic>
      </p:grpSp>
      <p:sp>
        <p:nvSpPr>
          <p:cNvPr id="17" name="TextBox 16">
            <a:extLst>
              <a:ext uri="{FF2B5EF4-FFF2-40B4-BE49-F238E27FC236}">
                <a16:creationId xmlns:a16="http://schemas.microsoft.com/office/drawing/2014/main" id="{B3B04EBB-3B1E-F9CC-5264-2F49A89E048F}"/>
              </a:ext>
            </a:extLst>
          </p:cNvPr>
          <p:cNvSpPr txBox="1"/>
          <p:nvPr/>
        </p:nvSpPr>
        <p:spPr>
          <a:xfrm>
            <a:off x="446939" y="3325147"/>
            <a:ext cx="3364208" cy="2200602"/>
          </a:xfrm>
          <a:prstGeom prst="rect">
            <a:avLst/>
          </a:prstGeom>
          <a:noFill/>
        </p:spPr>
        <p:txBody>
          <a:bodyPr wrap="square" rtlCol="0">
            <a:spAutoFit/>
          </a:bodyPr>
          <a:lstStyle/>
          <a:p>
            <a:r>
              <a:rPr lang="en-US" sz="1400" b="1" dirty="0">
                <a:solidFill>
                  <a:schemeClr val="tx1">
                    <a:lumMod val="75000"/>
                    <a:lumOff val="25000"/>
                  </a:schemeClr>
                </a:solidFill>
                <a:latin typeface="Roboto SemiBold" panose="02000000000000000000" pitchFamily="2" charset="0"/>
                <a:ea typeface="Roboto SemiBold" panose="02000000000000000000" pitchFamily="2" charset="0"/>
              </a:rPr>
              <a:t>Purpose-built internal AI tools</a:t>
            </a:r>
            <a:r>
              <a:rPr lang="en-US" sz="1400" dirty="0">
                <a:solidFill>
                  <a:schemeClr val="tx1">
                    <a:lumMod val="75000"/>
                    <a:lumOff val="25000"/>
                  </a:schemeClr>
                </a:solidFill>
                <a:latin typeface="Roboto SemiBold" panose="02000000000000000000" pitchFamily="2" charset="0"/>
                <a:ea typeface="Roboto SemiBold" panose="02000000000000000000" pitchFamily="2" charset="0"/>
              </a:rPr>
              <a:t>: </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Designed to boost productivity and streamline operations </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Tailored to meet our organization’s unique needs, especially in the eLearning domain</a:t>
            </a:r>
          </a:p>
          <a:p>
            <a:pPr marL="228600" lvl="1" indent="-228600">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Designed to minimize the threat of data security</a:t>
            </a:r>
          </a:p>
        </p:txBody>
      </p:sp>
      <p:grpSp>
        <p:nvGrpSpPr>
          <p:cNvPr id="18" name="Group 17">
            <a:extLst>
              <a:ext uri="{FF2B5EF4-FFF2-40B4-BE49-F238E27FC236}">
                <a16:creationId xmlns:a16="http://schemas.microsoft.com/office/drawing/2014/main" id="{70D93F56-9B26-C73E-510D-10F1115C08E3}"/>
              </a:ext>
            </a:extLst>
          </p:cNvPr>
          <p:cNvGrpSpPr/>
          <p:nvPr/>
        </p:nvGrpSpPr>
        <p:grpSpPr>
          <a:xfrm>
            <a:off x="596587" y="2215967"/>
            <a:ext cx="934278" cy="934278"/>
            <a:chOff x="1585784" y="1458381"/>
            <a:chExt cx="934278" cy="934278"/>
          </a:xfrm>
        </p:grpSpPr>
        <p:sp>
          <p:nvSpPr>
            <p:cNvPr id="19" name="Oval 18">
              <a:extLst>
                <a:ext uri="{FF2B5EF4-FFF2-40B4-BE49-F238E27FC236}">
                  <a16:creationId xmlns:a16="http://schemas.microsoft.com/office/drawing/2014/main" id="{E567BE0C-9228-3F81-00D4-1348C5BC1214}"/>
                </a:ext>
              </a:extLst>
            </p:cNvPr>
            <p:cNvSpPr/>
            <p:nvPr/>
          </p:nvSpPr>
          <p:spPr>
            <a:xfrm>
              <a:off x="1585784" y="1458381"/>
              <a:ext cx="934278" cy="934278"/>
            </a:xfrm>
            <a:prstGeom prst="ellipse">
              <a:avLst/>
            </a:prstGeom>
            <a:solidFill>
              <a:srgbClr val="00388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Roboto SemiBold" panose="02000000000000000000" pitchFamily="2" charset="0"/>
                <a:ea typeface="Roboto SemiBold" panose="02000000000000000000" pitchFamily="2" charset="0"/>
              </a:endParaRPr>
            </a:p>
          </p:txBody>
        </p:sp>
        <p:pic>
          <p:nvPicPr>
            <p:cNvPr id="20" name="Graphic 19" descr="Programmer female outline">
              <a:extLst>
                <a:ext uri="{FF2B5EF4-FFF2-40B4-BE49-F238E27FC236}">
                  <a16:creationId xmlns:a16="http://schemas.microsoft.com/office/drawing/2014/main" id="{CA5A08AF-A513-7E3B-0EEF-5AB8181EF957}"/>
                </a:ext>
              </a:extLst>
            </p:cNvPr>
            <p:cNvPicPr>
              <a:picLocks noChangeAspect="1"/>
            </p:cNvPicPr>
            <p:nvPr/>
          </p:nvPicPr>
          <p:blipFill>
            <a:blip>
              <a:extLst>
                <a:ext uri="{96DAC541-7B7A-43D3-8B79-37D633B846F1}">
                  <asvg:svgBlip xmlns:asvg="http://schemas.microsoft.com/office/drawing/2016/SVG/main" r:embed="rId6"/>
                </a:ext>
              </a:extLst>
            </a:blip>
            <a:stretch>
              <a:fillRect/>
            </a:stretch>
          </p:blipFill>
          <p:spPr>
            <a:xfrm>
              <a:off x="1686568" y="1525522"/>
              <a:ext cx="732710" cy="732710"/>
            </a:xfrm>
            <a:prstGeom prst="rect">
              <a:avLst/>
            </a:prstGeom>
          </p:spPr>
        </p:pic>
      </p:grpSp>
    </p:spTree>
    <p:extLst>
      <p:ext uri="{BB962C8B-B14F-4D97-AF65-F5344CB8AC3E}">
        <p14:creationId xmlns:p14="http://schemas.microsoft.com/office/powerpoint/2010/main" val="417370004"/>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2447334-F579-5391-7AE1-B353C196F687}"/>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90F9F869-63FE-6B34-BA03-F8F899B1AC69}"/>
              </a:ext>
            </a:extLst>
          </p:cNvPr>
          <p:cNvSpPr>
            <a:spLocks noGrp="1"/>
          </p:cNvSpPr>
          <p:nvPr>
            <p:ph type="title"/>
          </p:nvPr>
        </p:nvSpPr>
        <p:spPr>
          <a:xfrm>
            <a:off x="3060333" y="2892282"/>
            <a:ext cx="6071335" cy="713529"/>
          </a:xfrm>
        </p:spPr>
        <p:txBody>
          <a:bodyPr>
            <a:noAutofit/>
          </a:bodyPr>
          <a:lstStyle/>
          <a:p>
            <a:r>
              <a:rPr lang="en-US" sz="3200" dirty="0">
                <a:ea typeface="Roboto SemiBold" panose="02000000000000000000" pitchFamily="2" charset="0"/>
              </a:rPr>
              <a:t>AI for Voiceover Generation</a:t>
            </a:r>
            <a:endParaRPr lang="en-IN" sz="3200" dirty="0">
              <a:ea typeface="Roboto SemiBold" panose="02000000000000000000" pitchFamily="2" charset="0"/>
            </a:endParaRPr>
          </a:p>
        </p:txBody>
      </p:sp>
    </p:spTree>
    <p:extLst>
      <p:ext uri="{BB962C8B-B14F-4D97-AF65-F5344CB8AC3E}">
        <p14:creationId xmlns:p14="http://schemas.microsoft.com/office/powerpoint/2010/main" val="272764154"/>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A7D4C0E-AA85-BACC-9D70-EEFC0EBFBB6C}"/>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877700B5-1570-CFB3-3914-C4F83893E7B8}"/>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10BE6975-7C72-8D5C-58A4-2A2C85D9A679}"/>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DC4F507A-916C-94E1-A0C5-DBCB24A7D659}"/>
              </a:ext>
            </a:extLst>
          </p:cNvPr>
          <p:cNvSpPr>
            <a:spLocks noGrp="1"/>
          </p:cNvSpPr>
          <p:nvPr>
            <p:ph type="title"/>
          </p:nvPr>
        </p:nvSpPr>
        <p:spPr/>
        <p:txBody>
          <a:bodyPr>
            <a:normAutofit/>
          </a:bodyPr>
          <a:lstStyle/>
          <a:p>
            <a:r>
              <a:rPr lang="en-US" dirty="0">
                <a:solidFill>
                  <a:schemeClr val="bg1"/>
                </a:solidFill>
                <a:ea typeface="Roboto SemiBold" panose="02000000000000000000" pitchFamily="2" charset="0"/>
              </a:rPr>
              <a:t>AI for Audio Creation: From Script to Audio in Minutes</a:t>
            </a:r>
            <a:endParaRPr lang="en-IN" b="1" dirty="0">
              <a:solidFill>
                <a:schemeClr val="bg1"/>
              </a:solidFill>
              <a:ea typeface="Roboto SemiBold" panose="02000000000000000000" pitchFamily="2" charset="0"/>
            </a:endParaRPr>
          </a:p>
        </p:txBody>
      </p:sp>
      <p:sp>
        <p:nvSpPr>
          <p:cNvPr id="5" name="Content Placeholder 20">
            <a:extLst>
              <a:ext uri="{FF2B5EF4-FFF2-40B4-BE49-F238E27FC236}">
                <a16:creationId xmlns:a16="http://schemas.microsoft.com/office/drawing/2014/main" id="{4F2292D7-4FDB-DA61-69FE-A5B3CB7BB8C8}"/>
              </a:ext>
            </a:extLst>
          </p:cNvPr>
          <p:cNvSpPr txBox="1">
            <a:spLocks/>
          </p:cNvSpPr>
          <p:nvPr/>
        </p:nvSpPr>
        <p:spPr>
          <a:xfrm>
            <a:off x="446940" y="1719364"/>
            <a:ext cx="4527393" cy="56341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Font typeface="Arial" panose="020B0604020202020204" pitchFamily="34" charset="0"/>
              <a:buNone/>
            </a:pPr>
            <a:r>
              <a:rPr lang="en-US" sz="1400" dirty="0">
                <a:latin typeface="Roboto SemiBold" panose="02000000000000000000" pitchFamily="2" charset="0"/>
                <a:ea typeface="Roboto SemiBold" panose="02000000000000000000" pitchFamily="2" charset="0"/>
              </a:rPr>
              <a:t>Realistic voiceover artists in multiple languages with wide range of </a:t>
            </a:r>
            <a:r>
              <a:rPr lang="en-US" sz="1400" b="1" dirty="0">
                <a:latin typeface="Roboto SemiBold" panose="02000000000000000000" pitchFamily="2" charset="0"/>
                <a:ea typeface="Roboto SemiBold" panose="02000000000000000000" pitchFamily="2" charset="0"/>
              </a:rPr>
              <a:t>custom controls</a:t>
            </a:r>
            <a:endParaRPr lang="en-US" sz="1400" dirty="0">
              <a:latin typeface="Roboto SemiBold" panose="02000000000000000000" pitchFamily="2" charset="0"/>
              <a:ea typeface="Roboto SemiBold" panose="02000000000000000000" pitchFamily="2" charset="0"/>
            </a:endParaRPr>
          </a:p>
          <a:p>
            <a:pPr marL="0" indent="0">
              <a:lnSpc>
                <a:spcPct val="100000"/>
              </a:lnSpc>
              <a:buFont typeface="Arial" panose="020B0604020202020204" pitchFamily="34" charset="0"/>
              <a:buNone/>
            </a:pPr>
            <a:endParaRPr lang="en-US" sz="1400" dirty="0">
              <a:latin typeface="Roboto SemiBold" panose="02000000000000000000" pitchFamily="2" charset="0"/>
              <a:ea typeface="Roboto SemiBold" panose="02000000000000000000" pitchFamily="2" charset="0"/>
            </a:endParaRPr>
          </a:p>
          <a:p>
            <a:pPr marL="0" indent="0">
              <a:lnSpc>
                <a:spcPct val="100000"/>
              </a:lnSpc>
              <a:buFont typeface="Arial" panose="020B0604020202020204" pitchFamily="34" charset="0"/>
              <a:buNone/>
            </a:pPr>
            <a:r>
              <a:rPr lang="en-US" sz="1400" b="1" dirty="0">
                <a:latin typeface="Roboto SemiBold" panose="02000000000000000000" pitchFamily="2" charset="0"/>
                <a:ea typeface="Roboto SemiBold" panose="02000000000000000000" pitchFamily="2" charset="0"/>
              </a:rPr>
              <a:t>Key Features:</a:t>
            </a:r>
            <a:endParaRPr lang="en-IN" sz="1400" b="1" dirty="0">
              <a:latin typeface="Roboto SemiBold" panose="02000000000000000000" pitchFamily="2" charset="0"/>
              <a:ea typeface="Roboto SemiBold" panose="02000000000000000000" pitchFamily="2" charset="0"/>
            </a:endParaRPr>
          </a:p>
        </p:txBody>
      </p:sp>
      <p:sp>
        <p:nvSpPr>
          <p:cNvPr id="25" name="TextBox 24">
            <a:extLst>
              <a:ext uri="{FF2B5EF4-FFF2-40B4-BE49-F238E27FC236}">
                <a16:creationId xmlns:a16="http://schemas.microsoft.com/office/drawing/2014/main" id="{ACA60A6E-1CF1-4AFB-A67A-6B5C78B03C14}"/>
              </a:ext>
            </a:extLst>
          </p:cNvPr>
          <p:cNvSpPr txBox="1"/>
          <p:nvPr/>
        </p:nvSpPr>
        <p:spPr>
          <a:xfrm>
            <a:off x="959352" y="3085513"/>
            <a:ext cx="3989603" cy="523220"/>
          </a:xfrm>
          <a:prstGeom prst="rect">
            <a:avLst/>
          </a:prstGeom>
          <a:noFill/>
        </p:spPr>
        <p:txBody>
          <a:bodyPr wrap="square">
            <a:spAutoFit/>
          </a:bodyPr>
          <a:lstStyle/>
          <a:p>
            <a:r>
              <a:rPr lang="en-US" sz="1400" dirty="0">
                <a:latin typeface="Roboto SemiBold" panose="02000000000000000000" pitchFamily="2" charset="0"/>
                <a:ea typeface="Roboto SemiBold" panose="02000000000000000000" pitchFamily="2" charset="0"/>
              </a:rPr>
              <a:t>Modify pace, exaggeration, emphasis, emotions and other voice characteristics</a:t>
            </a:r>
          </a:p>
        </p:txBody>
      </p:sp>
      <p:sp>
        <p:nvSpPr>
          <p:cNvPr id="27" name="TextBox 26">
            <a:extLst>
              <a:ext uri="{FF2B5EF4-FFF2-40B4-BE49-F238E27FC236}">
                <a16:creationId xmlns:a16="http://schemas.microsoft.com/office/drawing/2014/main" id="{38F6EE5F-791D-EDFA-2255-C475967E9971}"/>
              </a:ext>
            </a:extLst>
          </p:cNvPr>
          <p:cNvSpPr txBox="1"/>
          <p:nvPr/>
        </p:nvSpPr>
        <p:spPr>
          <a:xfrm>
            <a:off x="959353" y="3735091"/>
            <a:ext cx="3684648" cy="523220"/>
          </a:xfrm>
          <a:prstGeom prst="rect">
            <a:avLst/>
          </a:prstGeom>
          <a:noFill/>
        </p:spPr>
        <p:txBody>
          <a:bodyPr wrap="square">
            <a:spAutoFit/>
          </a:bodyPr>
          <a:lstStyle/>
          <a:p>
            <a:r>
              <a:rPr lang="en-IN" sz="1400" dirty="0">
                <a:latin typeface="Roboto SemiBold" panose="02000000000000000000" pitchFamily="2" charset="0"/>
                <a:ea typeface="Roboto SemiBold" panose="02000000000000000000" pitchFamily="2" charset="0"/>
              </a:rPr>
              <a:t>Access a large voice library with multiple ethnicities</a:t>
            </a:r>
            <a:endParaRPr lang="en-US" sz="1400" dirty="0">
              <a:latin typeface="Roboto SemiBold" panose="02000000000000000000" pitchFamily="2" charset="0"/>
              <a:ea typeface="Roboto SemiBold" panose="02000000000000000000" pitchFamily="2" charset="0"/>
            </a:endParaRPr>
          </a:p>
        </p:txBody>
      </p:sp>
      <p:grpSp>
        <p:nvGrpSpPr>
          <p:cNvPr id="3" name="Group 2">
            <a:extLst>
              <a:ext uri="{FF2B5EF4-FFF2-40B4-BE49-F238E27FC236}">
                <a16:creationId xmlns:a16="http://schemas.microsoft.com/office/drawing/2014/main" id="{9FD3DEAB-DAA6-B929-D571-5A0860DE6B50}"/>
              </a:ext>
            </a:extLst>
          </p:cNvPr>
          <p:cNvGrpSpPr/>
          <p:nvPr/>
        </p:nvGrpSpPr>
        <p:grpSpPr>
          <a:xfrm>
            <a:off x="532914" y="3738857"/>
            <a:ext cx="358343" cy="358343"/>
            <a:chOff x="532914" y="3566257"/>
            <a:chExt cx="358343" cy="358343"/>
          </a:xfrm>
        </p:grpSpPr>
        <p:sp>
          <p:nvSpPr>
            <p:cNvPr id="26" name="Oval 25">
              <a:extLst>
                <a:ext uri="{FF2B5EF4-FFF2-40B4-BE49-F238E27FC236}">
                  <a16:creationId xmlns:a16="http://schemas.microsoft.com/office/drawing/2014/main" id="{B9216541-711B-9313-971A-294364D1AF27}"/>
                </a:ext>
              </a:extLst>
            </p:cNvPr>
            <p:cNvSpPr/>
            <p:nvPr/>
          </p:nvSpPr>
          <p:spPr>
            <a:xfrm>
              <a:off x="532914" y="3566257"/>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28" name="Graphic 27" descr="Checkmark outline">
              <a:extLst>
                <a:ext uri="{FF2B5EF4-FFF2-40B4-BE49-F238E27FC236}">
                  <a16:creationId xmlns:a16="http://schemas.microsoft.com/office/drawing/2014/main" id="{49B32E52-FFAE-DDF4-40F8-CB92BFD00E77}"/>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12584" y="3652745"/>
              <a:ext cx="199000" cy="199000"/>
            </a:xfrm>
            <a:prstGeom prst="rect">
              <a:avLst/>
            </a:prstGeom>
          </p:spPr>
        </p:pic>
      </p:grpSp>
      <p:grpSp>
        <p:nvGrpSpPr>
          <p:cNvPr id="2" name="Group 1">
            <a:extLst>
              <a:ext uri="{FF2B5EF4-FFF2-40B4-BE49-F238E27FC236}">
                <a16:creationId xmlns:a16="http://schemas.microsoft.com/office/drawing/2014/main" id="{F13691C5-364C-14D0-41D3-A8DAFFB76346}"/>
              </a:ext>
            </a:extLst>
          </p:cNvPr>
          <p:cNvGrpSpPr/>
          <p:nvPr/>
        </p:nvGrpSpPr>
        <p:grpSpPr>
          <a:xfrm>
            <a:off x="532914" y="3154302"/>
            <a:ext cx="358343" cy="358343"/>
            <a:chOff x="532914" y="2982854"/>
            <a:chExt cx="358343" cy="358343"/>
          </a:xfrm>
        </p:grpSpPr>
        <p:sp>
          <p:nvSpPr>
            <p:cNvPr id="24" name="Oval 23">
              <a:extLst>
                <a:ext uri="{FF2B5EF4-FFF2-40B4-BE49-F238E27FC236}">
                  <a16:creationId xmlns:a16="http://schemas.microsoft.com/office/drawing/2014/main" id="{2AAB9811-23DF-82A6-F52D-945151F5041D}"/>
                </a:ext>
              </a:extLst>
            </p:cNvPr>
            <p:cNvSpPr/>
            <p:nvPr/>
          </p:nvSpPr>
          <p:spPr>
            <a:xfrm>
              <a:off x="532914" y="2982854"/>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34" name="Graphic 33" descr="Checkmark outline">
              <a:extLst>
                <a:ext uri="{FF2B5EF4-FFF2-40B4-BE49-F238E27FC236}">
                  <a16:creationId xmlns:a16="http://schemas.microsoft.com/office/drawing/2014/main" id="{25911C61-06B8-33F6-EEAB-A5B9EDAA0F41}"/>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1009" y="3062524"/>
              <a:ext cx="199000" cy="199000"/>
            </a:xfrm>
            <a:prstGeom prst="rect">
              <a:avLst/>
            </a:prstGeom>
          </p:spPr>
        </p:pic>
      </p:grpSp>
      <p:grpSp>
        <p:nvGrpSpPr>
          <p:cNvPr id="4" name="Group 3">
            <a:extLst>
              <a:ext uri="{FF2B5EF4-FFF2-40B4-BE49-F238E27FC236}">
                <a16:creationId xmlns:a16="http://schemas.microsoft.com/office/drawing/2014/main" id="{A53925DF-038A-0D7D-6213-15EA95964FEA}"/>
              </a:ext>
            </a:extLst>
          </p:cNvPr>
          <p:cNvGrpSpPr/>
          <p:nvPr/>
        </p:nvGrpSpPr>
        <p:grpSpPr>
          <a:xfrm>
            <a:off x="534843" y="4325035"/>
            <a:ext cx="358343" cy="358343"/>
            <a:chOff x="534843" y="4152435"/>
            <a:chExt cx="358343" cy="358343"/>
          </a:xfrm>
        </p:grpSpPr>
        <p:sp>
          <p:nvSpPr>
            <p:cNvPr id="29" name="Oval 28">
              <a:extLst>
                <a:ext uri="{FF2B5EF4-FFF2-40B4-BE49-F238E27FC236}">
                  <a16:creationId xmlns:a16="http://schemas.microsoft.com/office/drawing/2014/main" id="{AC21A2A8-FF52-8DA1-DB93-DCDE1CCEBA72}"/>
                </a:ext>
              </a:extLst>
            </p:cNvPr>
            <p:cNvSpPr/>
            <p:nvPr/>
          </p:nvSpPr>
          <p:spPr>
            <a:xfrm>
              <a:off x="534843" y="4152435"/>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35" name="Graphic 34" descr="Checkmark outline">
              <a:extLst>
                <a:ext uri="{FF2B5EF4-FFF2-40B4-BE49-F238E27FC236}">
                  <a16:creationId xmlns:a16="http://schemas.microsoft.com/office/drawing/2014/main" id="{A4A487E9-AEED-A93B-6F60-1D099A256D7F}"/>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02938" y="4247845"/>
              <a:ext cx="199000" cy="199000"/>
            </a:xfrm>
            <a:prstGeom prst="rect">
              <a:avLst/>
            </a:prstGeom>
          </p:spPr>
        </p:pic>
      </p:grpSp>
      <p:sp>
        <p:nvSpPr>
          <p:cNvPr id="37" name="TextBox 36">
            <a:extLst>
              <a:ext uri="{FF2B5EF4-FFF2-40B4-BE49-F238E27FC236}">
                <a16:creationId xmlns:a16="http://schemas.microsoft.com/office/drawing/2014/main" id="{D3DE2931-7981-9F33-DE01-F5142031EECD}"/>
              </a:ext>
            </a:extLst>
          </p:cNvPr>
          <p:cNvSpPr txBox="1"/>
          <p:nvPr/>
        </p:nvSpPr>
        <p:spPr>
          <a:xfrm>
            <a:off x="959353" y="4340460"/>
            <a:ext cx="3894682" cy="307777"/>
          </a:xfrm>
          <a:prstGeom prst="rect">
            <a:avLst/>
          </a:prstGeom>
          <a:noFill/>
        </p:spPr>
        <p:txBody>
          <a:bodyPr wrap="square">
            <a:spAutoFit/>
          </a:bodyPr>
          <a:lstStyle/>
          <a:p>
            <a:r>
              <a:rPr lang="en-IN" sz="1400" dirty="0">
                <a:latin typeface="Roboto SemiBold" panose="02000000000000000000" pitchFamily="2" charset="0"/>
                <a:ea typeface="Roboto SemiBold" panose="02000000000000000000" pitchFamily="2" charset="0"/>
              </a:rPr>
              <a:t>Enable voice cloning capability</a:t>
            </a:r>
            <a:endParaRPr lang="en-US" sz="1400" dirty="0">
              <a:latin typeface="Roboto SemiBold" panose="02000000000000000000" pitchFamily="2" charset="0"/>
              <a:ea typeface="Roboto SemiBold" panose="02000000000000000000" pitchFamily="2" charset="0"/>
            </a:endParaRPr>
          </a:p>
        </p:txBody>
      </p:sp>
      <p:sp>
        <p:nvSpPr>
          <p:cNvPr id="6" name="Rectangle: Top Corners Rounded 5">
            <a:hlinkClick r:id="rId5"/>
            <a:extLst>
              <a:ext uri="{FF2B5EF4-FFF2-40B4-BE49-F238E27FC236}">
                <a16:creationId xmlns:a16="http://schemas.microsoft.com/office/drawing/2014/main" id="{62786F7E-E7B8-DF36-6EAE-ACD4842518EA}"/>
              </a:ext>
            </a:extLst>
          </p:cNvPr>
          <p:cNvSpPr/>
          <p:nvPr/>
        </p:nvSpPr>
        <p:spPr>
          <a:xfrm>
            <a:off x="5407308" y="3122909"/>
            <a:ext cx="1165582" cy="304799"/>
          </a:xfrm>
          <a:prstGeom prst="round2SameRect">
            <a:avLst>
              <a:gd name="adj1" fmla="val 35484"/>
              <a:gd name="adj2" fmla="val 32258"/>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sample</a:t>
            </a:r>
          </a:p>
        </p:txBody>
      </p:sp>
      <p:grpSp>
        <p:nvGrpSpPr>
          <p:cNvPr id="7" name="Group 6">
            <a:extLst>
              <a:ext uri="{FF2B5EF4-FFF2-40B4-BE49-F238E27FC236}">
                <a16:creationId xmlns:a16="http://schemas.microsoft.com/office/drawing/2014/main" id="{D5EC250B-D5EE-D4F7-C18F-114879979672}"/>
              </a:ext>
            </a:extLst>
          </p:cNvPr>
          <p:cNvGrpSpPr/>
          <p:nvPr/>
        </p:nvGrpSpPr>
        <p:grpSpPr>
          <a:xfrm>
            <a:off x="5492329" y="1795556"/>
            <a:ext cx="980661" cy="1256875"/>
            <a:chOff x="3219152" y="1914653"/>
            <a:chExt cx="1198941" cy="1536635"/>
          </a:xfrm>
        </p:grpSpPr>
        <p:pic>
          <p:nvPicPr>
            <p:cNvPr id="10" name="Picture 9" descr="Training - Yukon Learning">
              <a:extLst>
                <a:ext uri="{FF2B5EF4-FFF2-40B4-BE49-F238E27FC236}">
                  <a16:creationId xmlns:a16="http://schemas.microsoft.com/office/drawing/2014/main" id="{401802AD-D43A-F357-166A-6EC0EC35C274}"/>
                </a:ext>
              </a:extLst>
            </p:cNvPr>
            <p:cNvPicPr>
              <a:picLocks noChangeAspect="1"/>
            </p:cNvPicPr>
            <p:nvPr/>
          </p:nvPicPr>
          <p:blipFill>
            <a:blip r:embed="rId6"/>
            <a:stretch>
              <a:fillRect/>
            </a:stretch>
          </p:blipFill>
          <p:spPr>
            <a:xfrm>
              <a:off x="3304788" y="1914653"/>
              <a:ext cx="1061909" cy="1082503"/>
            </a:xfrm>
            <a:prstGeom prst="rect">
              <a:avLst/>
            </a:prstGeom>
          </p:spPr>
        </p:pic>
        <p:sp>
          <p:nvSpPr>
            <p:cNvPr id="11" name="TextBox 10">
              <a:extLst>
                <a:ext uri="{FF2B5EF4-FFF2-40B4-BE49-F238E27FC236}">
                  <a16:creationId xmlns:a16="http://schemas.microsoft.com/office/drawing/2014/main" id="{FCF69AFC-41D4-0D48-439A-3ECCAEACB88E}"/>
                </a:ext>
              </a:extLst>
            </p:cNvPr>
            <p:cNvSpPr txBox="1"/>
            <p:nvPr/>
          </p:nvSpPr>
          <p:spPr>
            <a:xfrm>
              <a:off x="3219152" y="3075005"/>
              <a:ext cx="1198941" cy="376283"/>
            </a:xfrm>
            <a:prstGeom prst="rect">
              <a:avLst/>
            </a:prstGeom>
            <a:noFill/>
          </p:spPr>
          <p:txBody>
            <a:bodyPr wrap="square" lIns="91440" tIns="45720" rIns="91440" bIns="45720" rtlCol="0" anchor="t">
              <a:spAutoFit/>
            </a:bodyPr>
            <a:lstStyle/>
            <a:p>
              <a:pPr algn="ctr"/>
              <a:r>
                <a:rPr lang="it-IT" sz="1400" dirty="0">
                  <a:latin typeface="Roboto SemiBold" panose="02000000000000000000" pitchFamily="2" charset="0"/>
                  <a:ea typeface="Roboto SemiBold" panose="02000000000000000000" pitchFamily="2" charset="0"/>
                </a:rPr>
                <a:t>Storyline</a:t>
              </a:r>
            </a:p>
          </p:txBody>
        </p:sp>
      </p:grpSp>
      <p:grpSp>
        <p:nvGrpSpPr>
          <p:cNvPr id="12" name="Group 11">
            <a:extLst>
              <a:ext uri="{FF2B5EF4-FFF2-40B4-BE49-F238E27FC236}">
                <a16:creationId xmlns:a16="http://schemas.microsoft.com/office/drawing/2014/main" id="{78434117-B0EF-CFDA-CF6D-E34DD7761A77}"/>
              </a:ext>
            </a:extLst>
          </p:cNvPr>
          <p:cNvGrpSpPr/>
          <p:nvPr/>
        </p:nvGrpSpPr>
        <p:grpSpPr>
          <a:xfrm>
            <a:off x="7769502" y="1696460"/>
            <a:ext cx="1424956" cy="1355966"/>
            <a:chOff x="6093872" y="1816613"/>
            <a:chExt cx="1742130" cy="1657785"/>
          </a:xfrm>
        </p:grpSpPr>
        <p:pic>
          <p:nvPicPr>
            <p:cNvPr id="13" name="Picture 12" descr="Natural Reader | Speechify">
              <a:extLst>
                <a:ext uri="{FF2B5EF4-FFF2-40B4-BE49-F238E27FC236}">
                  <a16:creationId xmlns:a16="http://schemas.microsoft.com/office/drawing/2014/main" id="{128CB8B2-7D0A-E37A-8B47-BB8944C85C46}"/>
                </a:ext>
              </a:extLst>
            </p:cNvPr>
            <p:cNvPicPr>
              <a:picLocks noChangeAspect="1"/>
            </p:cNvPicPr>
            <p:nvPr/>
          </p:nvPicPr>
          <p:blipFill>
            <a:blip r:embed="rId7"/>
            <a:srcRect l="10072" t="6522" r="7914" b="8720"/>
            <a:stretch>
              <a:fillRect/>
            </a:stretch>
          </p:blipFill>
          <p:spPr>
            <a:xfrm>
              <a:off x="6357167" y="1816613"/>
              <a:ext cx="1249965" cy="1291790"/>
            </a:xfrm>
            <a:prstGeom prst="rect">
              <a:avLst/>
            </a:prstGeom>
          </p:spPr>
        </p:pic>
        <p:sp>
          <p:nvSpPr>
            <p:cNvPr id="14" name="TextBox 13">
              <a:extLst>
                <a:ext uri="{FF2B5EF4-FFF2-40B4-BE49-F238E27FC236}">
                  <a16:creationId xmlns:a16="http://schemas.microsoft.com/office/drawing/2014/main" id="{32B41C90-AD70-D636-AAEF-1F12D9BD89EA}"/>
                </a:ext>
              </a:extLst>
            </p:cNvPr>
            <p:cNvSpPr txBox="1"/>
            <p:nvPr/>
          </p:nvSpPr>
          <p:spPr>
            <a:xfrm>
              <a:off x="6093872" y="3098114"/>
              <a:ext cx="1742130" cy="376284"/>
            </a:xfrm>
            <a:prstGeom prst="rect">
              <a:avLst/>
            </a:prstGeom>
            <a:noFill/>
          </p:spPr>
          <p:txBody>
            <a:bodyPr wrap="square" lIns="91440" tIns="45720" rIns="91440" bIns="45720" rtlCol="0" anchor="t">
              <a:spAutoFit/>
            </a:bodyPr>
            <a:lstStyle/>
            <a:p>
              <a:pPr algn="ctr"/>
              <a:r>
                <a:rPr lang="it-IT" sz="1400" dirty="0">
                  <a:latin typeface="Roboto SemiBold" panose="02000000000000000000" pitchFamily="2" charset="0"/>
                  <a:ea typeface="Roboto SemiBold" panose="02000000000000000000" pitchFamily="2" charset="0"/>
                </a:rPr>
                <a:t>Natural Reader</a:t>
              </a:r>
            </a:p>
          </p:txBody>
        </p:sp>
      </p:grpSp>
      <p:grpSp>
        <p:nvGrpSpPr>
          <p:cNvPr id="15" name="Group 14">
            <a:extLst>
              <a:ext uri="{FF2B5EF4-FFF2-40B4-BE49-F238E27FC236}">
                <a16:creationId xmlns:a16="http://schemas.microsoft.com/office/drawing/2014/main" id="{0CD94861-0D82-9267-8163-4C2877FE2902}"/>
              </a:ext>
            </a:extLst>
          </p:cNvPr>
          <p:cNvGrpSpPr/>
          <p:nvPr/>
        </p:nvGrpSpPr>
        <p:grpSpPr>
          <a:xfrm>
            <a:off x="10316174" y="1696462"/>
            <a:ext cx="1246547" cy="1340217"/>
            <a:chOff x="7815552" y="1649054"/>
            <a:chExt cx="1524010" cy="1638530"/>
          </a:xfrm>
        </p:grpSpPr>
        <p:pic>
          <p:nvPicPr>
            <p:cNvPr id="17" name="Picture 16" descr="Murf AI launches MultiNative, text-to-speech voices that can seamlessly  switch between any language; completes brand revamp on 4-year anniversary">
              <a:extLst>
                <a:ext uri="{FF2B5EF4-FFF2-40B4-BE49-F238E27FC236}">
                  <a16:creationId xmlns:a16="http://schemas.microsoft.com/office/drawing/2014/main" id="{F3D1A86E-B42E-0F20-D2E2-E94E0CAFC6F7}"/>
                </a:ext>
              </a:extLst>
            </p:cNvPr>
            <p:cNvPicPr>
              <a:picLocks noChangeAspect="1"/>
            </p:cNvPicPr>
            <p:nvPr/>
          </p:nvPicPr>
          <p:blipFill>
            <a:blip r:embed="rId8"/>
            <a:srcRect t="1158" r="71105" b="313"/>
            <a:stretch>
              <a:fillRect/>
            </a:stretch>
          </p:blipFill>
          <p:spPr>
            <a:xfrm>
              <a:off x="7815552" y="1649054"/>
              <a:ext cx="1524010" cy="1458410"/>
            </a:xfrm>
            <a:prstGeom prst="rect">
              <a:avLst/>
            </a:prstGeom>
          </p:spPr>
        </p:pic>
        <p:sp>
          <p:nvSpPr>
            <p:cNvPr id="18" name="TextBox 17">
              <a:extLst>
                <a:ext uri="{FF2B5EF4-FFF2-40B4-BE49-F238E27FC236}">
                  <a16:creationId xmlns:a16="http://schemas.microsoft.com/office/drawing/2014/main" id="{A4DD28B9-D0C0-A84E-C448-BF37EE19FD6D}"/>
                </a:ext>
              </a:extLst>
            </p:cNvPr>
            <p:cNvSpPr txBox="1"/>
            <p:nvPr/>
          </p:nvSpPr>
          <p:spPr>
            <a:xfrm>
              <a:off x="7865046" y="2911300"/>
              <a:ext cx="1425023" cy="376284"/>
            </a:xfrm>
            <a:prstGeom prst="rect">
              <a:avLst/>
            </a:prstGeom>
            <a:noFill/>
          </p:spPr>
          <p:txBody>
            <a:bodyPr wrap="square" lIns="91440" tIns="45720" rIns="91440" bIns="45720" rtlCol="0" anchor="t">
              <a:spAutoFit/>
            </a:bodyPr>
            <a:lstStyle/>
            <a:p>
              <a:pPr algn="ctr"/>
              <a:r>
                <a:rPr lang="it-IT" sz="1400" dirty="0">
                  <a:latin typeface="Roboto SemiBold" panose="02000000000000000000" pitchFamily="2" charset="0"/>
                  <a:ea typeface="Roboto SemiBold" panose="02000000000000000000" pitchFamily="2" charset="0"/>
                </a:rPr>
                <a:t>MurfAI</a:t>
              </a:r>
            </a:p>
          </p:txBody>
        </p:sp>
      </p:grpSp>
      <p:grpSp>
        <p:nvGrpSpPr>
          <p:cNvPr id="19" name="Group 18">
            <a:extLst>
              <a:ext uri="{FF2B5EF4-FFF2-40B4-BE49-F238E27FC236}">
                <a16:creationId xmlns:a16="http://schemas.microsoft.com/office/drawing/2014/main" id="{CDE66C9A-2F6C-A3A6-FC3D-988A1A4FAC8F}"/>
              </a:ext>
            </a:extLst>
          </p:cNvPr>
          <p:cNvGrpSpPr/>
          <p:nvPr/>
        </p:nvGrpSpPr>
        <p:grpSpPr>
          <a:xfrm>
            <a:off x="7899190" y="4600838"/>
            <a:ext cx="1165581" cy="701845"/>
            <a:chOff x="5090836" y="4205699"/>
            <a:chExt cx="1425023" cy="858071"/>
          </a:xfrm>
        </p:grpSpPr>
        <p:pic>
          <p:nvPicPr>
            <p:cNvPr id="20" name="Picture 19" descr="File:Vyond Logo.png - Wikimedia Commons">
              <a:extLst>
                <a:ext uri="{FF2B5EF4-FFF2-40B4-BE49-F238E27FC236}">
                  <a16:creationId xmlns:a16="http://schemas.microsoft.com/office/drawing/2014/main" id="{1A7F17B8-84CE-745A-E4FE-CE657C4D5711}"/>
                </a:ext>
              </a:extLst>
            </p:cNvPr>
            <p:cNvPicPr>
              <a:picLocks noChangeAspect="1"/>
            </p:cNvPicPr>
            <p:nvPr/>
          </p:nvPicPr>
          <p:blipFill>
            <a:blip r:embed="rId9"/>
            <a:stretch>
              <a:fillRect/>
            </a:stretch>
          </p:blipFill>
          <p:spPr>
            <a:xfrm>
              <a:off x="5160133" y="4205699"/>
              <a:ext cx="1286428" cy="433178"/>
            </a:xfrm>
            <a:prstGeom prst="rect">
              <a:avLst/>
            </a:prstGeom>
          </p:spPr>
        </p:pic>
        <p:sp>
          <p:nvSpPr>
            <p:cNvPr id="21" name="TextBox 20">
              <a:extLst>
                <a:ext uri="{FF2B5EF4-FFF2-40B4-BE49-F238E27FC236}">
                  <a16:creationId xmlns:a16="http://schemas.microsoft.com/office/drawing/2014/main" id="{A167CC3F-D1BD-209C-86A6-2327E997A124}"/>
                </a:ext>
              </a:extLst>
            </p:cNvPr>
            <p:cNvSpPr txBox="1"/>
            <p:nvPr/>
          </p:nvSpPr>
          <p:spPr>
            <a:xfrm>
              <a:off x="5090836" y="4687485"/>
              <a:ext cx="1425023" cy="376285"/>
            </a:xfrm>
            <a:prstGeom prst="rect">
              <a:avLst/>
            </a:prstGeom>
            <a:noFill/>
          </p:spPr>
          <p:txBody>
            <a:bodyPr wrap="square" lIns="91440" tIns="45720" rIns="91440" bIns="45720" rtlCol="0" anchor="t">
              <a:spAutoFit/>
            </a:bodyPr>
            <a:lstStyle/>
            <a:p>
              <a:pPr algn="ctr"/>
              <a:r>
                <a:rPr lang="it-IT" sz="1400" dirty="0">
                  <a:latin typeface="Roboto SemiBold" panose="02000000000000000000" pitchFamily="2" charset="0"/>
                  <a:ea typeface="Roboto SemiBold" panose="02000000000000000000" pitchFamily="2" charset="0"/>
                </a:rPr>
                <a:t>Vyond</a:t>
              </a:r>
            </a:p>
          </p:txBody>
        </p:sp>
      </p:grpSp>
      <p:sp>
        <p:nvSpPr>
          <p:cNvPr id="22" name="TextBox 21">
            <a:extLst>
              <a:ext uri="{FF2B5EF4-FFF2-40B4-BE49-F238E27FC236}">
                <a16:creationId xmlns:a16="http://schemas.microsoft.com/office/drawing/2014/main" id="{99AAB5D1-92E8-439F-0801-395E31DD8D83}"/>
              </a:ext>
            </a:extLst>
          </p:cNvPr>
          <p:cNvSpPr txBox="1"/>
          <p:nvPr/>
        </p:nvSpPr>
        <p:spPr>
          <a:xfrm>
            <a:off x="10413835" y="4994643"/>
            <a:ext cx="1165581" cy="307777"/>
          </a:xfrm>
          <a:prstGeom prst="rect">
            <a:avLst/>
          </a:prstGeom>
          <a:noFill/>
        </p:spPr>
        <p:txBody>
          <a:bodyPr wrap="square" lIns="91440" tIns="45720" rIns="91440" bIns="45720" rtlCol="0" anchor="t">
            <a:spAutoFit/>
          </a:bodyPr>
          <a:lstStyle/>
          <a:p>
            <a:pPr algn="ctr"/>
            <a:r>
              <a:rPr lang="en-US" sz="1400" dirty="0" err="1">
                <a:latin typeface="Roboto SemiBold" panose="02000000000000000000" pitchFamily="2" charset="0"/>
                <a:ea typeface="Roboto SemiBold" panose="02000000000000000000" pitchFamily="2" charset="0"/>
              </a:rPr>
              <a:t>Elevenlabs</a:t>
            </a:r>
            <a:endParaRPr lang="it-IT" sz="1400" dirty="0">
              <a:latin typeface="Roboto SemiBold" panose="02000000000000000000" pitchFamily="2" charset="0"/>
              <a:ea typeface="Roboto SemiBold" panose="02000000000000000000" pitchFamily="2" charset="0"/>
            </a:endParaRPr>
          </a:p>
        </p:txBody>
      </p:sp>
      <p:sp>
        <p:nvSpPr>
          <p:cNvPr id="23" name="Rectangle: Top Corners Rounded 22">
            <a:hlinkClick r:id="rId10"/>
            <a:extLst>
              <a:ext uri="{FF2B5EF4-FFF2-40B4-BE49-F238E27FC236}">
                <a16:creationId xmlns:a16="http://schemas.microsoft.com/office/drawing/2014/main" id="{19434B96-EDFB-9253-EA21-A63153413558}"/>
              </a:ext>
            </a:extLst>
          </p:cNvPr>
          <p:cNvSpPr/>
          <p:nvPr/>
        </p:nvSpPr>
        <p:spPr>
          <a:xfrm>
            <a:off x="7899189" y="3122909"/>
            <a:ext cx="1165582" cy="304799"/>
          </a:xfrm>
          <a:prstGeom prst="round2SameRect">
            <a:avLst>
              <a:gd name="adj1" fmla="val 35484"/>
              <a:gd name="adj2" fmla="val 32258"/>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sample</a:t>
            </a:r>
          </a:p>
        </p:txBody>
      </p:sp>
      <p:sp>
        <p:nvSpPr>
          <p:cNvPr id="30" name="Rectangle: Top Corners Rounded 29">
            <a:hlinkClick r:id="rId11"/>
            <a:extLst>
              <a:ext uri="{FF2B5EF4-FFF2-40B4-BE49-F238E27FC236}">
                <a16:creationId xmlns:a16="http://schemas.microsoft.com/office/drawing/2014/main" id="{0E146F85-F9A2-3006-3922-A9788DAA55EC}"/>
              </a:ext>
            </a:extLst>
          </p:cNvPr>
          <p:cNvSpPr/>
          <p:nvPr/>
        </p:nvSpPr>
        <p:spPr>
          <a:xfrm>
            <a:off x="10356656" y="3122909"/>
            <a:ext cx="1165582" cy="304799"/>
          </a:xfrm>
          <a:prstGeom prst="round2SameRect">
            <a:avLst>
              <a:gd name="adj1" fmla="val 35484"/>
              <a:gd name="adj2" fmla="val 32258"/>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sample</a:t>
            </a:r>
          </a:p>
        </p:txBody>
      </p:sp>
      <p:sp>
        <p:nvSpPr>
          <p:cNvPr id="31" name="Rectangle: Top Corners Rounded 30">
            <a:hlinkClick r:id="rId12"/>
            <a:extLst>
              <a:ext uri="{FF2B5EF4-FFF2-40B4-BE49-F238E27FC236}">
                <a16:creationId xmlns:a16="http://schemas.microsoft.com/office/drawing/2014/main" id="{2DEEA3FC-1E99-2721-3F43-9C0A410C397B}"/>
              </a:ext>
            </a:extLst>
          </p:cNvPr>
          <p:cNvSpPr/>
          <p:nvPr/>
        </p:nvSpPr>
        <p:spPr>
          <a:xfrm>
            <a:off x="7899189" y="5410508"/>
            <a:ext cx="1165582" cy="304799"/>
          </a:xfrm>
          <a:prstGeom prst="round2SameRect">
            <a:avLst>
              <a:gd name="adj1" fmla="val 35484"/>
              <a:gd name="adj2" fmla="val 32258"/>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sample</a:t>
            </a:r>
          </a:p>
        </p:txBody>
      </p:sp>
      <p:sp>
        <p:nvSpPr>
          <p:cNvPr id="32" name="Rectangle: Top Corners Rounded 31">
            <a:hlinkClick r:id="rId13"/>
            <a:extLst>
              <a:ext uri="{FF2B5EF4-FFF2-40B4-BE49-F238E27FC236}">
                <a16:creationId xmlns:a16="http://schemas.microsoft.com/office/drawing/2014/main" id="{4B7C27A9-23A6-CF45-5746-20F05CCC324C}"/>
              </a:ext>
            </a:extLst>
          </p:cNvPr>
          <p:cNvSpPr/>
          <p:nvPr/>
        </p:nvSpPr>
        <p:spPr>
          <a:xfrm>
            <a:off x="10413834" y="5410508"/>
            <a:ext cx="1165582" cy="304799"/>
          </a:xfrm>
          <a:prstGeom prst="round2SameRect">
            <a:avLst>
              <a:gd name="adj1" fmla="val 35484"/>
              <a:gd name="adj2" fmla="val 32258"/>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sample</a:t>
            </a:r>
          </a:p>
        </p:txBody>
      </p:sp>
      <p:sp>
        <p:nvSpPr>
          <p:cNvPr id="36" name="Rectangle: Top Corners Rounded 35">
            <a:hlinkClick r:id="rId14"/>
            <a:extLst>
              <a:ext uri="{FF2B5EF4-FFF2-40B4-BE49-F238E27FC236}">
                <a16:creationId xmlns:a16="http://schemas.microsoft.com/office/drawing/2014/main" id="{A3DFF5D3-19CA-E76C-C4BC-AE57AAEA46F9}"/>
              </a:ext>
            </a:extLst>
          </p:cNvPr>
          <p:cNvSpPr/>
          <p:nvPr/>
        </p:nvSpPr>
        <p:spPr>
          <a:xfrm>
            <a:off x="5407308" y="5410508"/>
            <a:ext cx="1165582" cy="304799"/>
          </a:xfrm>
          <a:prstGeom prst="round2SameRect">
            <a:avLst>
              <a:gd name="adj1" fmla="val 35484"/>
              <a:gd name="adj2" fmla="val 32258"/>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sample</a:t>
            </a:r>
          </a:p>
        </p:txBody>
      </p:sp>
      <p:cxnSp>
        <p:nvCxnSpPr>
          <p:cNvPr id="39" name="Straight Connector 38">
            <a:extLst>
              <a:ext uri="{FF2B5EF4-FFF2-40B4-BE49-F238E27FC236}">
                <a16:creationId xmlns:a16="http://schemas.microsoft.com/office/drawing/2014/main" id="{E2624028-2CA6-CA5F-08EC-5C6E853160F1}"/>
              </a:ext>
            </a:extLst>
          </p:cNvPr>
          <p:cNvCxnSpPr>
            <a:cxnSpLocks/>
          </p:cNvCxnSpPr>
          <p:nvPr/>
        </p:nvCxnSpPr>
        <p:spPr>
          <a:xfrm>
            <a:off x="7221697" y="1819240"/>
            <a:ext cx="0" cy="400509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40" name="Straight Connector 39">
            <a:extLst>
              <a:ext uri="{FF2B5EF4-FFF2-40B4-BE49-F238E27FC236}">
                <a16:creationId xmlns:a16="http://schemas.microsoft.com/office/drawing/2014/main" id="{98E15BA6-35C9-3BCE-FADC-D5331E1B0A61}"/>
              </a:ext>
            </a:extLst>
          </p:cNvPr>
          <p:cNvCxnSpPr>
            <a:cxnSpLocks/>
          </p:cNvCxnSpPr>
          <p:nvPr/>
        </p:nvCxnSpPr>
        <p:spPr>
          <a:xfrm>
            <a:off x="9687271" y="1819240"/>
            <a:ext cx="0" cy="401503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41" name="Straight Connector 40">
            <a:extLst>
              <a:ext uri="{FF2B5EF4-FFF2-40B4-BE49-F238E27FC236}">
                <a16:creationId xmlns:a16="http://schemas.microsoft.com/office/drawing/2014/main" id="{3DD99A08-8CE7-A11D-632C-AF238543E1F2}"/>
              </a:ext>
            </a:extLst>
          </p:cNvPr>
          <p:cNvCxnSpPr>
            <a:cxnSpLocks/>
          </p:cNvCxnSpPr>
          <p:nvPr/>
        </p:nvCxnSpPr>
        <p:spPr>
          <a:xfrm>
            <a:off x="4974333" y="3944664"/>
            <a:ext cx="6758391"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59D6951D-5DF1-617B-A6DA-D88A8BED6D05}"/>
              </a:ext>
            </a:extLst>
          </p:cNvPr>
          <p:cNvGrpSpPr/>
          <p:nvPr/>
        </p:nvGrpSpPr>
        <p:grpSpPr>
          <a:xfrm>
            <a:off x="5375394" y="4256370"/>
            <a:ext cx="1242535" cy="1067908"/>
            <a:chOff x="5375394" y="4405455"/>
            <a:chExt cx="1242535" cy="1067908"/>
          </a:xfrm>
        </p:grpSpPr>
        <p:sp>
          <p:nvSpPr>
            <p:cNvPr id="33" name="TextBox 32">
              <a:extLst>
                <a:ext uri="{FF2B5EF4-FFF2-40B4-BE49-F238E27FC236}">
                  <a16:creationId xmlns:a16="http://schemas.microsoft.com/office/drawing/2014/main" id="{027953D6-16A4-B032-9851-DEECA918EDC9}"/>
                </a:ext>
              </a:extLst>
            </p:cNvPr>
            <p:cNvSpPr txBox="1"/>
            <p:nvPr/>
          </p:nvSpPr>
          <p:spPr>
            <a:xfrm>
              <a:off x="5407309" y="5165586"/>
              <a:ext cx="1165582" cy="307777"/>
            </a:xfrm>
            <a:prstGeom prst="rect">
              <a:avLst/>
            </a:prstGeom>
            <a:noFill/>
          </p:spPr>
          <p:txBody>
            <a:bodyPr wrap="square" lIns="91440" tIns="45720" rIns="91440" bIns="45720" rtlCol="0" anchor="t">
              <a:spAutoFit/>
            </a:bodyPr>
            <a:lstStyle/>
            <a:p>
              <a:pPr algn="ctr"/>
              <a:r>
                <a:rPr lang="it-IT" sz="1400" dirty="0">
                  <a:latin typeface="Roboto SemiBold" panose="02000000000000000000" pitchFamily="2" charset="0"/>
                  <a:ea typeface="Roboto SemiBold" panose="02000000000000000000" pitchFamily="2" charset="0"/>
                </a:rPr>
                <a:t>Azure</a:t>
              </a:r>
            </a:p>
          </p:txBody>
        </p:sp>
        <p:pic>
          <p:nvPicPr>
            <p:cNvPr id="42" name="Picture 2" descr="Cognitive Speech Services Pricing | Microsoft Azure">
              <a:extLst>
                <a:ext uri="{FF2B5EF4-FFF2-40B4-BE49-F238E27FC236}">
                  <a16:creationId xmlns:a16="http://schemas.microsoft.com/office/drawing/2014/main" id="{409F2F02-8F35-C819-4B21-6D2C3D745164}"/>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5375394" y="4405455"/>
              <a:ext cx="1242535" cy="652331"/>
            </a:xfrm>
            <a:prstGeom prst="rect">
              <a:avLst/>
            </a:prstGeom>
            <a:noFill/>
            <a:extLst>
              <a:ext uri="{909E8E84-426E-40DD-AFC4-6F175D3DCCD1}">
                <a14:hiddenFill xmlns:a14="http://schemas.microsoft.com/office/drawing/2010/main">
                  <a:solidFill>
                    <a:srgbClr val="FFFFFF"/>
                  </a:solidFill>
                </a14:hiddenFill>
              </a:ext>
            </a:extLst>
          </p:spPr>
        </p:pic>
      </p:grpSp>
      <p:pic>
        <p:nvPicPr>
          <p:cNvPr id="43" name="Picture 4" descr="ElevenLabs Icon logo transparent PNG - StickPNG">
            <a:extLst>
              <a:ext uri="{FF2B5EF4-FFF2-40B4-BE49-F238E27FC236}">
                <a16:creationId xmlns:a16="http://schemas.microsoft.com/office/drawing/2014/main" id="{A56B1BF7-559D-2D70-7286-200B36A6C0CF}"/>
              </a:ext>
            </a:extLst>
          </p:cNvPr>
          <p:cNvPicPr>
            <a:picLocks noChangeAspect="1" noChangeArrowheads="1"/>
          </p:cNvPicPr>
          <p:nvPr/>
        </p:nvPicPr>
        <p:blipFill rotWithShape="1">
          <a:blip r:embed="rId16">
            <a:extLst>
              <a:ext uri="{28A0092B-C50C-407E-A947-70E740481C1C}">
                <a14:useLocalDpi xmlns:a14="http://schemas.microsoft.com/office/drawing/2010/main" val="0"/>
              </a:ext>
            </a:extLst>
          </a:blip>
          <a:srcRect l="29570" t="25907" r="33721" b="27594"/>
          <a:stretch>
            <a:fillRect/>
          </a:stretch>
        </p:blipFill>
        <p:spPr bwMode="auto">
          <a:xfrm>
            <a:off x="10703897" y="4333935"/>
            <a:ext cx="487008" cy="61689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240998523"/>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BE65981-B889-2523-CBA9-464D991DCD5F}"/>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0555C7CF-D39C-0C67-504B-3B4B6DE04576}"/>
              </a:ext>
            </a:extLst>
          </p:cNvPr>
          <p:cNvSpPr>
            <a:spLocks noGrp="1"/>
          </p:cNvSpPr>
          <p:nvPr>
            <p:ph type="title"/>
          </p:nvPr>
        </p:nvSpPr>
        <p:spPr/>
        <p:txBody>
          <a:bodyPr>
            <a:normAutofit/>
          </a:bodyPr>
          <a:lstStyle/>
          <a:p>
            <a:r>
              <a:rPr lang="en-US" sz="3200" dirty="0">
                <a:ea typeface="Roboto SemiBold" panose="02000000000000000000" pitchFamily="2" charset="0"/>
              </a:rPr>
              <a:t>AI for Illustrations</a:t>
            </a:r>
            <a:endParaRPr lang="en-IN" sz="3200" dirty="0">
              <a:ea typeface="Roboto SemiBold" panose="02000000000000000000" pitchFamily="2" charset="0"/>
            </a:endParaRPr>
          </a:p>
        </p:txBody>
      </p:sp>
    </p:spTree>
    <p:extLst>
      <p:ext uri="{BB962C8B-B14F-4D97-AF65-F5344CB8AC3E}">
        <p14:creationId xmlns:p14="http://schemas.microsoft.com/office/powerpoint/2010/main" val="2935482078"/>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BE3DFDB-CB6D-5DDA-20EA-51F04AEA7EF5}"/>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EBD14CEC-9E7E-CE5C-0ECA-9677170B7319}"/>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687E7A4B-B6BD-A151-387D-5C1E29F21B45}"/>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2CB9EFA1-4D39-4E06-9BED-17FE97D16A32}"/>
              </a:ext>
            </a:extLst>
          </p:cNvPr>
          <p:cNvSpPr>
            <a:spLocks noGrp="1"/>
          </p:cNvSpPr>
          <p:nvPr>
            <p:ph type="title"/>
          </p:nvPr>
        </p:nvSpPr>
        <p:spPr/>
        <p:txBody>
          <a:bodyPr>
            <a:normAutofit/>
          </a:bodyPr>
          <a:lstStyle/>
          <a:p>
            <a:r>
              <a:rPr lang="en-US" dirty="0">
                <a:solidFill>
                  <a:schemeClr val="bg1"/>
                </a:solidFill>
                <a:ea typeface="Roboto SemiBold" panose="02000000000000000000" pitchFamily="2" charset="0"/>
              </a:rPr>
              <a:t>AI-enabled Adobe Illustrator: A “turntable” Approach to Illustration</a:t>
            </a:r>
          </a:p>
        </p:txBody>
      </p:sp>
      <p:sp>
        <p:nvSpPr>
          <p:cNvPr id="5" name="Content Placeholder 20">
            <a:extLst>
              <a:ext uri="{FF2B5EF4-FFF2-40B4-BE49-F238E27FC236}">
                <a16:creationId xmlns:a16="http://schemas.microsoft.com/office/drawing/2014/main" id="{0B9F1241-DADB-343C-C673-846832095B12}"/>
              </a:ext>
            </a:extLst>
          </p:cNvPr>
          <p:cNvSpPr txBox="1">
            <a:spLocks/>
          </p:cNvSpPr>
          <p:nvPr/>
        </p:nvSpPr>
        <p:spPr>
          <a:xfrm>
            <a:off x="446939" y="1719364"/>
            <a:ext cx="11461845" cy="56341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None/>
            </a:pPr>
            <a:r>
              <a:rPr lang="en-US" sz="1400" dirty="0">
                <a:solidFill>
                  <a:schemeClr val="tx1">
                    <a:lumMod val="95000"/>
                    <a:lumOff val="5000"/>
                  </a:schemeClr>
                </a:solidFill>
                <a:latin typeface="Roboto SemiBold" panose="02000000000000000000" pitchFamily="2" charset="0"/>
                <a:ea typeface="Roboto SemiBold" panose="02000000000000000000" pitchFamily="2" charset="0"/>
                <a:cs typeface="Open Sans" pitchFamily="2" charset="0"/>
              </a:rPr>
              <a:t>A single character design can be automatically generated across multiple viewing angles, ensuring consistency and scalability</a:t>
            </a:r>
            <a:endParaRPr lang="en-US" sz="1400" dirty="0">
              <a:latin typeface="Roboto SemiBold" panose="02000000000000000000" pitchFamily="2" charset="0"/>
              <a:ea typeface="Roboto SemiBold" panose="02000000000000000000" pitchFamily="2" charset="0"/>
            </a:endParaRPr>
          </a:p>
        </p:txBody>
      </p:sp>
      <p:sp>
        <p:nvSpPr>
          <p:cNvPr id="25" name="TextBox 24">
            <a:extLst>
              <a:ext uri="{FF2B5EF4-FFF2-40B4-BE49-F238E27FC236}">
                <a16:creationId xmlns:a16="http://schemas.microsoft.com/office/drawing/2014/main" id="{9EB278CB-A5CE-E264-B3C7-747C580D9DCB}"/>
              </a:ext>
            </a:extLst>
          </p:cNvPr>
          <p:cNvSpPr txBox="1"/>
          <p:nvPr/>
        </p:nvSpPr>
        <p:spPr>
          <a:xfrm>
            <a:off x="446939" y="2705287"/>
            <a:ext cx="5570403" cy="3012876"/>
          </a:xfrm>
          <a:prstGeom prst="rect">
            <a:avLst/>
          </a:prstGeom>
          <a:noFill/>
        </p:spPr>
        <p:txBody>
          <a:bodyPr wrap="square">
            <a:spAutoFit/>
          </a:bodyPr>
          <a:lstStyle/>
          <a:p>
            <a:pPr marL="0" lvl="1">
              <a:lnSpc>
                <a:spcPct val="120000"/>
              </a:lnSpc>
              <a:spcBef>
                <a:spcPts val="1000"/>
              </a:spcBef>
              <a:buClr>
                <a:srgbClr val="BE3455"/>
              </a:buClr>
            </a:pPr>
            <a:r>
              <a:rPr lang="en-US" sz="1400" b="1" dirty="0">
                <a:latin typeface="Roboto SemiBold" panose="02000000000000000000" pitchFamily="2" charset="0"/>
                <a:ea typeface="Roboto SemiBold" panose="02000000000000000000" pitchFamily="2" charset="0"/>
              </a:rPr>
              <a:t>Key Features:</a:t>
            </a:r>
            <a:endParaRPr lang="en-IN" sz="1400" b="1" dirty="0">
              <a:latin typeface="Roboto SemiBold" panose="02000000000000000000" pitchFamily="2" charset="0"/>
              <a:ea typeface="Roboto SemiBold" panose="02000000000000000000" pitchFamily="2" charset="0"/>
            </a:endParaRPr>
          </a:p>
          <a:p>
            <a:pPr marL="228600" lvl="1" indent="-228600">
              <a:lnSpc>
                <a:spcPct val="120000"/>
              </a:lnSpc>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Generate 360° character views (front, side, 3/4, back)</a:t>
            </a:r>
          </a:p>
          <a:p>
            <a:pPr marL="228600" lvl="1" indent="-228600">
              <a:lnSpc>
                <a:spcPct val="120000"/>
              </a:lnSpc>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Maintain consistent proportions, lighting, and styling</a:t>
            </a:r>
          </a:p>
          <a:p>
            <a:pPr marL="228600" lvl="1" indent="-228600">
              <a:lnSpc>
                <a:spcPct val="120000"/>
              </a:lnSpc>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Enable quick pose and expression variations</a:t>
            </a:r>
          </a:p>
          <a:p>
            <a:pPr marL="228600" lvl="1" indent="-228600">
              <a:lnSpc>
                <a:spcPct val="120000"/>
              </a:lnSpc>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Rapidly adapt characters for different scenes and perspectives</a:t>
            </a:r>
          </a:p>
          <a:p>
            <a:pPr marL="228600" lvl="1" indent="-228600">
              <a:lnSpc>
                <a:spcPct val="120000"/>
              </a:lnSpc>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Eliminate repetitive redrawing of characters</a:t>
            </a:r>
          </a:p>
          <a:p>
            <a:pPr marL="228600" lvl="1" indent="-228600">
              <a:lnSpc>
                <a:spcPct val="120000"/>
              </a:lnSpc>
              <a:spcBef>
                <a:spcPts val="1000"/>
              </a:spcBef>
              <a:buClr>
                <a:srgbClr val="BE3455"/>
              </a:buClr>
              <a:buFont typeface="Arial" panose="020B0604020202020204" pitchFamily="34" charset="0"/>
              <a:buChar char="•"/>
            </a:pPr>
            <a:r>
              <a:rPr lang="en-US" sz="1400" dirty="0">
                <a:solidFill>
                  <a:schemeClr val="tx1">
                    <a:lumMod val="85000"/>
                    <a:lumOff val="15000"/>
                  </a:schemeClr>
                </a:solidFill>
                <a:latin typeface="Roboto SemiBold" panose="02000000000000000000" pitchFamily="2" charset="0"/>
                <a:ea typeface="Roboto SemiBold" panose="02000000000000000000" pitchFamily="2" charset="0"/>
              </a:rPr>
              <a:t>Accelerate asset creation and iteration cycles</a:t>
            </a:r>
          </a:p>
          <a:p>
            <a:pPr marL="285750" indent="-285750">
              <a:lnSpc>
                <a:spcPct val="120000"/>
              </a:lnSpc>
              <a:spcBef>
                <a:spcPts val="800"/>
              </a:spcBef>
              <a:buFont typeface="Arial" panose="020B0604020202020204" pitchFamily="34" charset="0"/>
              <a:buChar char="•"/>
            </a:pPr>
            <a:endParaRPr lang="en-US" sz="1400" dirty="0">
              <a:solidFill>
                <a:schemeClr val="tx1">
                  <a:lumMod val="95000"/>
                  <a:lumOff val="5000"/>
                </a:schemeClr>
              </a:solidFill>
              <a:latin typeface="Roboto SemiBold" panose="02000000000000000000" pitchFamily="2" charset="0"/>
              <a:ea typeface="Roboto SemiBold" panose="02000000000000000000" pitchFamily="2" charset="0"/>
              <a:cs typeface="Open Sans" pitchFamily="2" charset="0"/>
            </a:endParaRPr>
          </a:p>
        </p:txBody>
      </p:sp>
      <p:pic>
        <p:nvPicPr>
          <p:cNvPr id="6" name="Graphic 5">
            <a:extLst>
              <a:ext uri="{FF2B5EF4-FFF2-40B4-BE49-F238E27FC236}">
                <a16:creationId xmlns:a16="http://schemas.microsoft.com/office/drawing/2014/main" id="{EFCF7F27-66AB-CA32-8C18-AB1756203822}"/>
              </a:ext>
            </a:extLst>
          </p:cNvPr>
          <p:cNvPicPr>
            <a:picLocks noChangeAspect="1"/>
          </p:cNvPicPr>
          <p:nvPr/>
        </p:nvPicPr>
        <p:blipFill>
          <a:blip>
            <a:extLst>
              <a:ext uri="{96DAC541-7B7A-43D3-8B79-37D633B846F1}">
                <asvg:svgBlip xmlns:asvg="http://schemas.microsoft.com/office/drawing/2016/SVG/main" r:embed="rId4"/>
              </a:ext>
            </a:extLst>
          </a:blip>
          <a:stretch>
            <a:fillRect/>
          </a:stretch>
        </p:blipFill>
        <p:spPr>
          <a:xfrm>
            <a:off x="5916015" y="2583181"/>
            <a:ext cx="1198237" cy="3186800"/>
          </a:xfrm>
          <a:prstGeom prst="rect">
            <a:avLst/>
          </a:prstGeom>
        </p:spPr>
      </p:pic>
      <p:pic>
        <p:nvPicPr>
          <p:cNvPr id="10" name="Graphic 9">
            <a:extLst>
              <a:ext uri="{FF2B5EF4-FFF2-40B4-BE49-F238E27FC236}">
                <a16:creationId xmlns:a16="http://schemas.microsoft.com/office/drawing/2014/main" id="{64655BE1-C844-A1A8-181B-BD3AC45912DC}"/>
              </a:ext>
            </a:extLst>
          </p:cNvPr>
          <p:cNvPicPr>
            <a:picLocks noChangeAspect="1"/>
          </p:cNvPicPr>
          <p:nvPr/>
        </p:nvPicPr>
        <p:blipFill>
          <a:blip>
            <a:extLst>
              <a:ext uri="{96DAC541-7B7A-43D3-8B79-37D633B846F1}">
                <asvg:svgBlip xmlns:asvg="http://schemas.microsoft.com/office/drawing/2016/SVG/main" r:embed="rId5"/>
              </a:ext>
            </a:extLst>
          </a:blip>
          <a:stretch>
            <a:fillRect/>
          </a:stretch>
        </p:blipFill>
        <p:spPr>
          <a:xfrm>
            <a:off x="7234592" y="2583181"/>
            <a:ext cx="950900" cy="3186800"/>
          </a:xfrm>
          <a:prstGeom prst="rect">
            <a:avLst/>
          </a:prstGeom>
        </p:spPr>
      </p:pic>
      <p:pic>
        <p:nvPicPr>
          <p:cNvPr id="12" name="Graphic 11">
            <a:extLst>
              <a:ext uri="{FF2B5EF4-FFF2-40B4-BE49-F238E27FC236}">
                <a16:creationId xmlns:a16="http://schemas.microsoft.com/office/drawing/2014/main" id="{B8D645C8-BE50-064F-720C-40749DA0E3E4}"/>
              </a:ext>
            </a:extLst>
          </p:cNvPr>
          <p:cNvPicPr>
            <a:picLocks noChangeAspect="1"/>
          </p:cNvPicPr>
          <p:nvPr/>
        </p:nvPicPr>
        <p:blipFill>
          <a:blip>
            <a:extLst>
              <a:ext uri="{96DAC541-7B7A-43D3-8B79-37D633B846F1}">
                <asvg:svgBlip xmlns:asvg="http://schemas.microsoft.com/office/drawing/2016/SVG/main" r:embed="rId6"/>
              </a:ext>
            </a:extLst>
          </a:blip>
          <a:stretch>
            <a:fillRect/>
          </a:stretch>
        </p:blipFill>
        <p:spPr>
          <a:xfrm>
            <a:off x="9202572" y="2583181"/>
            <a:ext cx="932722" cy="3186800"/>
          </a:xfrm>
          <a:prstGeom prst="rect">
            <a:avLst/>
          </a:prstGeom>
        </p:spPr>
      </p:pic>
      <p:pic>
        <p:nvPicPr>
          <p:cNvPr id="15" name="Graphic 14">
            <a:extLst>
              <a:ext uri="{FF2B5EF4-FFF2-40B4-BE49-F238E27FC236}">
                <a16:creationId xmlns:a16="http://schemas.microsoft.com/office/drawing/2014/main" id="{12CFABD9-77D7-E67E-523B-4025677C99D4}"/>
              </a:ext>
            </a:extLst>
          </p:cNvPr>
          <p:cNvPicPr>
            <a:picLocks noChangeAspect="1"/>
          </p:cNvPicPr>
          <p:nvPr/>
        </p:nvPicPr>
        <p:blipFill>
          <a:blip>
            <a:extLst>
              <a:ext uri="{96DAC541-7B7A-43D3-8B79-37D633B846F1}">
                <asvg:svgBlip xmlns:asvg="http://schemas.microsoft.com/office/drawing/2016/SVG/main" r:embed="rId7"/>
              </a:ext>
            </a:extLst>
          </a:blip>
          <a:stretch>
            <a:fillRect/>
          </a:stretch>
        </p:blipFill>
        <p:spPr>
          <a:xfrm>
            <a:off x="10245733" y="2583181"/>
            <a:ext cx="1206735" cy="3186800"/>
          </a:xfrm>
          <a:prstGeom prst="rect">
            <a:avLst/>
          </a:prstGeom>
        </p:spPr>
      </p:pic>
      <p:pic>
        <p:nvPicPr>
          <p:cNvPr id="18" name="Graphic 17">
            <a:extLst>
              <a:ext uri="{FF2B5EF4-FFF2-40B4-BE49-F238E27FC236}">
                <a16:creationId xmlns:a16="http://schemas.microsoft.com/office/drawing/2014/main" id="{DE8F9E7A-6701-A3BF-CE32-7DED8ECA84D4}"/>
              </a:ext>
            </a:extLst>
          </p:cNvPr>
          <p:cNvPicPr>
            <a:picLocks noChangeAspect="1"/>
          </p:cNvPicPr>
          <p:nvPr/>
        </p:nvPicPr>
        <p:blipFill>
          <a:blip>
            <a:extLst>
              <a:ext uri="{96DAC541-7B7A-43D3-8B79-37D633B846F1}">
                <asvg:svgBlip xmlns:asvg="http://schemas.microsoft.com/office/drawing/2016/SVG/main" r:embed="rId8"/>
              </a:ext>
            </a:extLst>
          </a:blip>
          <a:stretch>
            <a:fillRect/>
          </a:stretch>
        </p:blipFill>
        <p:spPr>
          <a:xfrm>
            <a:off x="8394544" y="2583181"/>
            <a:ext cx="570897" cy="3186800"/>
          </a:xfrm>
          <a:prstGeom prst="rect">
            <a:avLst/>
          </a:prstGeom>
        </p:spPr>
      </p:pic>
    </p:spTree>
    <p:extLst>
      <p:ext uri="{BB962C8B-B14F-4D97-AF65-F5344CB8AC3E}">
        <p14:creationId xmlns:p14="http://schemas.microsoft.com/office/powerpoint/2010/main" val="637059787"/>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BE65981-B889-2523-CBA9-464D991DCD5F}"/>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0555C7CF-D39C-0C67-504B-3B4B6DE04576}"/>
              </a:ext>
            </a:extLst>
          </p:cNvPr>
          <p:cNvSpPr>
            <a:spLocks noGrp="1"/>
          </p:cNvSpPr>
          <p:nvPr>
            <p:ph type="title"/>
          </p:nvPr>
        </p:nvSpPr>
        <p:spPr/>
        <p:txBody>
          <a:bodyPr>
            <a:normAutofit/>
          </a:bodyPr>
          <a:lstStyle/>
          <a:p>
            <a:r>
              <a:rPr lang="en-US" sz="3200" dirty="0">
                <a:ea typeface="Roboto SemiBold" panose="02000000000000000000" pitchFamily="2" charset="0"/>
              </a:rPr>
              <a:t>AI for Chatbots</a:t>
            </a:r>
            <a:endParaRPr lang="en-IN" sz="3200" dirty="0">
              <a:ea typeface="Roboto SemiBold" panose="02000000000000000000" pitchFamily="2" charset="0"/>
            </a:endParaRPr>
          </a:p>
        </p:txBody>
      </p:sp>
    </p:spTree>
    <p:extLst>
      <p:ext uri="{BB962C8B-B14F-4D97-AF65-F5344CB8AC3E}">
        <p14:creationId xmlns:p14="http://schemas.microsoft.com/office/powerpoint/2010/main" val="2358414879"/>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DD9E15B-D749-1450-CEA2-8ABECB166769}"/>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B6BCE953-0E79-BE11-0BF4-BED20E10BBEE}"/>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FB6AAE06-6223-4A88-7061-C20997D75372}"/>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nvGrpSpPr>
          <p:cNvPr id="2" name="Group 1">
            <a:extLst>
              <a:ext uri="{FF2B5EF4-FFF2-40B4-BE49-F238E27FC236}">
                <a16:creationId xmlns:a16="http://schemas.microsoft.com/office/drawing/2014/main" id="{3AEE9B16-3D75-AFB6-24C7-6E47205F37B1}"/>
              </a:ext>
            </a:extLst>
          </p:cNvPr>
          <p:cNvGrpSpPr/>
          <p:nvPr/>
        </p:nvGrpSpPr>
        <p:grpSpPr>
          <a:xfrm>
            <a:off x="10962539" y="298576"/>
            <a:ext cx="757085" cy="757085"/>
            <a:chOff x="457200" y="3208954"/>
            <a:chExt cx="3310292" cy="3310292"/>
          </a:xfrm>
        </p:grpSpPr>
        <p:sp>
          <p:nvSpPr>
            <p:cNvPr id="3" name="Oval 2">
              <a:extLst>
                <a:ext uri="{FF2B5EF4-FFF2-40B4-BE49-F238E27FC236}">
                  <a16:creationId xmlns:a16="http://schemas.microsoft.com/office/drawing/2014/main" id="{01480A75-7591-AB89-FD7B-DD5DDB967F2A}"/>
                </a:ext>
              </a:extLst>
            </p:cNvPr>
            <p:cNvSpPr/>
            <p:nvPr userDrawn="1"/>
          </p:nvSpPr>
          <p:spPr>
            <a:xfrm>
              <a:off x="457200" y="3208954"/>
              <a:ext cx="3310292" cy="3310292"/>
            </a:xfrm>
            <a:prstGeom prst="ellipse">
              <a:avLst/>
            </a:prstGeom>
            <a:solidFill>
              <a:schemeClr val="bg1"/>
            </a:solidFill>
            <a:ln w="7215" cap="flat">
              <a:noFill/>
              <a:prstDash val="solid"/>
              <a:miter/>
            </a:ln>
          </p:spPr>
          <p:txBody>
            <a:bodyPr rtlCol="0" anchor="ctr"/>
            <a:lstStyle/>
            <a:p>
              <a:pPr algn="l"/>
              <a:endParaRPr lang="en-US" dirty="0">
                <a:latin typeface="Roboto SemiBold" panose="02000000000000000000" pitchFamily="2" charset="0"/>
              </a:endParaRPr>
            </a:p>
          </p:txBody>
        </p:sp>
        <p:pic>
          <p:nvPicPr>
            <p:cNvPr id="4" name="Picture 2">
              <a:extLst>
                <a:ext uri="{FF2B5EF4-FFF2-40B4-BE49-F238E27FC236}">
                  <a16:creationId xmlns:a16="http://schemas.microsoft.com/office/drawing/2014/main" id="{91069BEB-B799-8E65-3AF5-E0ADD788724C}"/>
                </a:ext>
              </a:extLst>
            </p:cNvPr>
            <p:cNvPicPr>
              <a:picLocks noChangeAspect="1" noChangeArrowheads="1"/>
            </p:cNvPicPr>
            <p:nvPr userDrawn="1"/>
          </p:nvPicPr>
          <p:blipFill>
            <a:blip r:embed="rId4">
              <a:extLst>
                <a:ext uri="{28A0092B-C50C-407E-A947-70E740481C1C}">
                  <a14:useLocalDpi xmlns:a14="http://schemas.microsoft.com/office/drawing/2010/main"/>
                </a:ext>
              </a:extLst>
            </a:blip>
            <a:stretch>
              <a:fillRect/>
            </a:stretch>
          </p:blipFill>
          <p:spPr bwMode="auto">
            <a:xfrm>
              <a:off x="1195083" y="3946837"/>
              <a:ext cx="1834526" cy="1834526"/>
            </a:xfrm>
            <a:prstGeom prst="rect">
              <a:avLst/>
            </a:prstGeom>
            <a:noFill/>
            <a:extLst>
              <a:ext uri="{909E8E84-426E-40DD-AFC4-6F175D3DCCD1}">
                <a14:hiddenFill xmlns:a14="http://schemas.microsoft.com/office/drawing/2010/main">
                  <a:solidFill>
                    <a:srgbClr val="FFFFFF"/>
                  </a:solidFill>
                </a14:hiddenFill>
              </a:ext>
            </a:extLst>
          </p:spPr>
        </p:pic>
      </p:grpSp>
      <p:sp>
        <p:nvSpPr>
          <p:cNvPr id="32" name="Title 15">
            <a:extLst>
              <a:ext uri="{FF2B5EF4-FFF2-40B4-BE49-F238E27FC236}">
                <a16:creationId xmlns:a16="http://schemas.microsoft.com/office/drawing/2014/main" id="{B7CB7C45-9A38-1D70-C748-47BBCB8A5CAE}"/>
              </a:ext>
            </a:extLst>
          </p:cNvPr>
          <p:cNvSpPr>
            <a:spLocks noGrp="1"/>
          </p:cNvSpPr>
          <p:nvPr>
            <p:ph type="title"/>
          </p:nvPr>
        </p:nvSpPr>
        <p:spPr>
          <a:xfrm>
            <a:off x="446939" y="365125"/>
            <a:ext cx="10515600" cy="640715"/>
          </a:xfrm>
        </p:spPr>
        <p:txBody>
          <a:bodyPr>
            <a:normAutofit/>
          </a:bodyPr>
          <a:lstStyle/>
          <a:p>
            <a:r>
              <a:rPr lang="en-US" b="1" dirty="0" err="1">
                <a:solidFill>
                  <a:schemeClr val="bg1"/>
                </a:solidFill>
                <a:ea typeface="Roboto SemiBold" panose="02000000000000000000" pitchFamily="2" charset="0"/>
              </a:rPr>
              <a:t>Chatlyst</a:t>
            </a:r>
            <a:r>
              <a:rPr lang="en-US" dirty="0">
                <a:solidFill>
                  <a:schemeClr val="bg1"/>
                </a:solidFill>
                <a:ea typeface="Roboto SemiBold" panose="02000000000000000000" pitchFamily="2" charset="0"/>
              </a:rPr>
              <a:t>: AI Chatbot Generator</a:t>
            </a:r>
          </a:p>
        </p:txBody>
      </p:sp>
      <p:sp>
        <p:nvSpPr>
          <p:cNvPr id="22" name="TextBox 21">
            <a:extLst>
              <a:ext uri="{FF2B5EF4-FFF2-40B4-BE49-F238E27FC236}">
                <a16:creationId xmlns:a16="http://schemas.microsoft.com/office/drawing/2014/main" id="{A6909C47-EB36-84F7-64B9-F2C7594E8EE2}"/>
              </a:ext>
            </a:extLst>
          </p:cNvPr>
          <p:cNvSpPr txBox="1"/>
          <p:nvPr/>
        </p:nvSpPr>
        <p:spPr>
          <a:xfrm>
            <a:off x="365077" y="1649638"/>
            <a:ext cx="7623173" cy="307777"/>
          </a:xfrm>
          <a:prstGeom prst="rect">
            <a:avLst/>
          </a:prstGeom>
          <a:noFill/>
        </p:spPr>
        <p:txBody>
          <a:bodyPr wrap="square">
            <a:spAutoFit/>
          </a:bodyPr>
          <a:lstStyle/>
          <a:p>
            <a:r>
              <a:rPr lang="en-US" sz="1400" dirty="0">
                <a:latin typeface="Roboto SemiBold" panose="02000000000000000000" pitchFamily="2" charset="0"/>
                <a:ea typeface="Roboto SemiBold" panose="02000000000000000000" pitchFamily="2" charset="0"/>
              </a:rPr>
              <a:t>An instant Chatbot creation tool with customized knowledge base and user interface (UI)</a:t>
            </a:r>
          </a:p>
        </p:txBody>
      </p:sp>
      <p:pic>
        <p:nvPicPr>
          <p:cNvPr id="27" name="Picture 26">
            <a:extLst>
              <a:ext uri="{FF2B5EF4-FFF2-40B4-BE49-F238E27FC236}">
                <a16:creationId xmlns:a16="http://schemas.microsoft.com/office/drawing/2014/main" id="{E59A7DAB-80E6-8CDF-ED70-8A9056DEDA08}"/>
              </a:ext>
            </a:extLst>
          </p:cNvPr>
          <p:cNvPicPr>
            <a:picLocks noChangeAspect="1"/>
          </p:cNvPicPr>
          <p:nvPr/>
        </p:nvPicPr>
        <p:blipFill>
          <a:blip r:embed="rId5"/>
          <a:stretch>
            <a:fillRect/>
          </a:stretch>
        </p:blipFill>
        <p:spPr>
          <a:xfrm>
            <a:off x="5899937" y="2369847"/>
            <a:ext cx="5995080" cy="2956863"/>
          </a:xfrm>
          <a:prstGeom prst="rect">
            <a:avLst/>
          </a:prstGeom>
        </p:spPr>
      </p:pic>
      <p:sp>
        <p:nvSpPr>
          <p:cNvPr id="28" name="Content Placeholder 20">
            <a:extLst>
              <a:ext uri="{FF2B5EF4-FFF2-40B4-BE49-F238E27FC236}">
                <a16:creationId xmlns:a16="http://schemas.microsoft.com/office/drawing/2014/main" id="{B0CF617F-343D-9530-433D-22212BEF5634}"/>
              </a:ext>
            </a:extLst>
          </p:cNvPr>
          <p:cNvSpPr txBox="1">
            <a:spLocks/>
          </p:cNvSpPr>
          <p:nvPr/>
        </p:nvSpPr>
        <p:spPr>
          <a:xfrm>
            <a:off x="365077" y="2272266"/>
            <a:ext cx="11461845" cy="374736"/>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buFont typeface="Arial" panose="020B0604020202020204" pitchFamily="34" charset="0"/>
              <a:buNone/>
            </a:pPr>
            <a:r>
              <a:rPr lang="en-US" sz="1400" b="1" dirty="0">
                <a:latin typeface="Roboto SemiBold" panose="02000000000000000000" pitchFamily="2" charset="0"/>
                <a:ea typeface="Roboto SemiBold" panose="02000000000000000000" pitchFamily="2" charset="0"/>
              </a:rPr>
              <a:t>Key Features:</a:t>
            </a:r>
            <a:endParaRPr lang="en-IN" sz="1400" b="1" dirty="0">
              <a:latin typeface="Roboto SemiBold" panose="02000000000000000000" pitchFamily="2" charset="0"/>
              <a:ea typeface="Roboto SemiBold" panose="02000000000000000000" pitchFamily="2" charset="0"/>
            </a:endParaRPr>
          </a:p>
        </p:txBody>
      </p:sp>
      <p:sp>
        <p:nvSpPr>
          <p:cNvPr id="29" name="TextBox 28">
            <a:extLst>
              <a:ext uri="{FF2B5EF4-FFF2-40B4-BE49-F238E27FC236}">
                <a16:creationId xmlns:a16="http://schemas.microsoft.com/office/drawing/2014/main" id="{ED55537E-5999-AD71-C6A6-06CBA7D538BC}"/>
              </a:ext>
            </a:extLst>
          </p:cNvPr>
          <p:cNvSpPr txBox="1"/>
          <p:nvPr/>
        </p:nvSpPr>
        <p:spPr>
          <a:xfrm>
            <a:off x="949521" y="2601590"/>
            <a:ext cx="4882320" cy="3045706"/>
          </a:xfrm>
          <a:prstGeom prst="rect">
            <a:avLst/>
          </a:prstGeom>
          <a:noFill/>
        </p:spPr>
        <p:txBody>
          <a:bodyPr wrap="square">
            <a:spAutoFit/>
          </a:bodyPr>
          <a:lstStyle/>
          <a:p>
            <a:pPr>
              <a:lnSpc>
                <a:spcPct val="150000"/>
              </a:lnSpc>
            </a:pPr>
            <a:r>
              <a:rPr lang="en-US" sz="1400" dirty="0">
                <a:latin typeface="Roboto SemiBold" panose="02000000000000000000" pitchFamily="2" charset="0"/>
                <a:ea typeface="Roboto SemiBold" panose="02000000000000000000" pitchFamily="2" charset="0"/>
                <a:cs typeface="Roboto" panose="02000000000000000000" pitchFamily="2" charset="0"/>
              </a:rPr>
              <a:t>Deliver highly targeted, accurate responses from provided knowledge base</a:t>
            </a:r>
          </a:p>
          <a:p>
            <a:pPr>
              <a:lnSpc>
                <a:spcPct val="200000"/>
              </a:lnSpc>
            </a:pPr>
            <a:r>
              <a:rPr lang="en-US" sz="1400" dirty="0">
                <a:latin typeface="Roboto SemiBold" panose="02000000000000000000" pitchFamily="2" charset="0"/>
                <a:ea typeface="Roboto SemiBold" panose="02000000000000000000" pitchFamily="2" charset="0"/>
                <a:cs typeface="Roboto" panose="02000000000000000000" pitchFamily="2" charset="0"/>
              </a:rPr>
              <a:t>Create multiple chatbots based on specific needs</a:t>
            </a:r>
          </a:p>
          <a:p>
            <a:pPr>
              <a:lnSpc>
                <a:spcPct val="150000"/>
              </a:lnSpc>
            </a:pPr>
            <a:r>
              <a:rPr lang="en-US" sz="1400" dirty="0">
                <a:latin typeface="Roboto SemiBold" panose="02000000000000000000" pitchFamily="2" charset="0"/>
                <a:ea typeface="Roboto SemiBold" panose="02000000000000000000" pitchFamily="2" charset="0"/>
                <a:cs typeface="Roboto" panose="02000000000000000000" pitchFamily="2" charset="0"/>
              </a:rPr>
              <a:t>Support ingestion of documents and webpage URLs as knowledge sources</a:t>
            </a:r>
          </a:p>
          <a:p>
            <a:pPr>
              <a:lnSpc>
                <a:spcPct val="200000"/>
              </a:lnSpc>
            </a:pPr>
            <a:r>
              <a:rPr lang="en-US" sz="1400" dirty="0">
                <a:latin typeface="Roboto SemiBold" panose="02000000000000000000" pitchFamily="2" charset="0"/>
                <a:ea typeface="Roboto SemiBold" panose="02000000000000000000" pitchFamily="2" charset="0"/>
                <a:cs typeface="Roboto" panose="02000000000000000000" pitchFamily="2" charset="0"/>
              </a:rPr>
              <a:t>Maintain conversation history for certain period (WIP)</a:t>
            </a:r>
          </a:p>
          <a:p>
            <a:pPr>
              <a:lnSpc>
                <a:spcPct val="200000"/>
              </a:lnSpc>
            </a:pPr>
            <a:r>
              <a:rPr lang="en-US" sz="1400" dirty="0">
                <a:latin typeface="Roboto SemiBold" panose="02000000000000000000" pitchFamily="2" charset="0"/>
                <a:ea typeface="Roboto SemiBold" panose="02000000000000000000" pitchFamily="2" charset="0"/>
                <a:cs typeface="Roboto" panose="02000000000000000000" pitchFamily="2" charset="0"/>
              </a:rPr>
              <a:t>Ensure data-security and seamless chatbot deployment</a:t>
            </a:r>
          </a:p>
          <a:p>
            <a:pPr>
              <a:lnSpc>
                <a:spcPct val="200000"/>
              </a:lnSpc>
            </a:pPr>
            <a:endParaRPr lang="en-US" sz="1400" dirty="0">
              <a:latin typeface="Roboto SemiBold" panose="02000000000000000000" pitchFamily="2" charset="0"/>
              <a:ea typeface="Roboto SemiBold" panose="02000000000000000000" pitchFamily="2" charset="0"/>
              <a:cs typeface="Roboto" panose="02000000000000000000" pitchFamily="2" charset="0"/>
            </a:endParaRPr>
          </a:p>
        </p:txBody>
      </p:sp>
      <p:grpSp>
        <p:nvGrpSpPr>
          <p:cNvPr id="30" name="Group 29">
            <a:extLst>
              <a:ext uri="{FF2B5EF4-FFF2-40B4-BE49-F238E27FC236}">
                <a16:creationId xmlns:a16="http://schemas.microsoft.com/office/drawing/2014/main" id="{55122CAB-E317-E633-90D8-084D8E9171A3}"/>
              </a:ext>
            </a:extLst>
          </p:cNvPr>
          <p:cNvGrpSpPr/>
          <p:nvPr/>
        </p:nvGrpSpPr>
        <p:grpSpPr>
          <a:xfrm>
            <a:off x="523082" y="2670878"/>
            <a:ext cx="358343" cy="358343"/>
            <a:chOff x="523082" y="3038091"/>
            <a:chExt cx="358343" cy="358343"/>
          </a:xfrm>
        </p:grpSpPr>
        <p:sp>
          <p:nvSpPr>
            <p:cNvPr id="31" name="Oval 30">
              <a:extLst>
                <a:ext uri="{FF2B5EF4-FFF2-40B4-BE49-F238E27FC236}">
                  <a16:creationId xmlns:a16="http://schemas.microsoft.com/office/drawing/2014/main" id="{79EEA30A-5804-3F94-8989-70C49CE48464}"/>
                </a:ext>
              </a:extLst>
            </p:cNvPr>
            <p:cNvSpPr/>
            <p:nvPr/>
          </p:nvSpPr>
          <p:spPr>
            <a:xfrm>
              <a:off x="523082" y="3038091"/>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33" name="Graphic 32" descr="Checkmark outline">
              <a:extLst>
                <a:ext uri="{FF2B5EF4-FFF2-40B4-BE49-F238E27FC236}">
                  <a16:creationId xmlns:a16="http://schemas.microsoft.com/office/drawing/2014/main" id="{E0B66615-8392-439D-2696-DAD21F53E7DC}"/>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591177" y="3117761"/>
              <a:ext cx="199000" cy="199000"/>
            </a:xfrm>
            <a:prstGeom prst="rect">
              <a:avLst/>
            </a:prstGeom>
          </p:spPr>
        </p:pic>
      </p:grpSp>
      <p:grpSp>
        <p:nvGrpSpPr>
          <p:cNvPr id="35" name="Group 34">
            <a:extLst>
              <a:ext uri="{FF2B5EF4-FFF2-40B4-BE49-F238E27FC236}">
                <a16:creationId xmlns:a16="http://schemas.microsoft.com/office/drawing/2014/main" id="{B7A78099-36EA-E7B2-8B61-2D3B28539A6C}"/>
              </a:ext>
            </a:extLst>
          </p:cNvPr>
          <p:cNvGrpSpPr/>
          <p:nvPr/>
        </p:nvGrpSpPr>
        <p:grpSpPr>
          <a:xfrm>
            <a:off x="523082" y="3369623"/>
            <a:ext cx="358343" cy="358343"/>
            <a:chOff x="523082" y="3564117"/>
            <a:chExt cx="358343" cy="358343"/>
          </a:xfrm>
        </p:grpSpPr>
        <p:sp>
          <p:nvSpPr>
            <p:cNvPr id="36" name="Oval 35">
              <a:extLst>
                <a:ext uri="{FF2B5EF4-FFF2-40B4-BE49-F238E27FC236}">
                  <a16:creationId xmlns:a16="http://schemas.microsoft.com/office/drawing/2014/main" id="{D58E1552-7C1E-B73A-4800-809111461300}"/>
                </a:ext>
              </a:extLst>
            </p:cNvPr>
            <p:cNvSpPr/>
            <p:nvPr/>
          </p:nvSpPr>
          <p:spPr>
            <a:xfrm>
              <a:off x="523082" y="3564117"/>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37" name="Graphic 36" descr="Checkmark outline">
              <a:extLst>
                <a:ext uri="{FF2B5EF4-FFF2-40B4-BE49-F238E27FC236}">
                  <a16:creationId xmlns:a16="http://schemas.microsoft.com/office/drawing/2014/main" id="{636E7D14-138D-D872-FEA9-2CDBF33D3BA5}"/>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591177" y="3643787"/>
              <a:ext cx="199000" cy="199000"/>
            </a:xfrm>
            <a:prstGeom prst="rect">
              <a:avLst/>
            </a:prstGeom>
          </p:spPr>
        </p:pic>
      </p:grpSp>
      <p:grpSp>
        <p:nvGrpSpPr>
          <p:cNvPr id="38" name="Group 37">
            <a:extLst>
              <a:ext uri="{FF2B5EF4-FFF2-40B4-BE49-F238E27FC236}">
                <a16:creationId xmlns:a16="http://schemas.microsoft.com/office/drawing/2014/main" id="{833CD747-D415-815A-C0C5-7331D14DDE8D}"/>
              </a:ext>
            </a:extLst>
          </p:cNvPr>
          <p:cNvGrpSpPr/>
          <p:nvPr/>
        </p:nvGrpSpPr>
        <p:grpSpPr>
          <a:xfrm>
            <a:off x="523082" y="3768609"/>
            <a:ext cx="358343" cy="358343"/>
            <a:chOff x="523082" y="4090143"/>
            <a:chExt cx="358343" cy="358343"/>
          </a:xfrm>
        </p:grpSpPr>
        <p:sp>
          <p:nvSpPr>
            <p:cNvPr id="39" name="Oval 38">
              <a:extLst>
                <a:ext uri="{FF2B5EF4-FFF2-40B4-BE49-F238E27FC236}">
                  <a16:creationId xmlns:a16="http://schemas.microsoft.com/office/drawing/2014/main" id="{6F7E2C52-1739-49B4-6E3A-A94603AFEE4F}"/>
                </a:ext>
              </a:extLst>
            </p:cNvPr>
            <p:cNvSpPr/>
            <p:nvPr/>
          </p:nvSpPr>
          <p:spPr>
            <a:xfrm>
              <a:off x="523082" y="4090143"/>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40" name="Graphic 39" descr="Checkmark outline">
              <a:extLst>
                <a:ext uri="{FF2B5EF4-FFF2-40B4-BE49-F238E27FC236}">
                  <a16:creationId xmlns:a16="http://schemas.microsoft.com/office/drawing/2014/main" id="{C5697D4B-5A1D-031A-25A7-754B44473A1B}"/>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591177" y="4169813"/>
              <a:ext cx="199000" cy="199000"/>
            </a:xfrm>
            <a:prstGeom prst="rect">
              <a:avLst/>
            </a:prstGeom>
          </p:spPr>
        </p:pic>
      </p:grpSp>
      <p:grpSp>
        <p:nvGrpSpPr>
          <p:cNvPr id="41" name="Group 40">
            <a:extLst>
              <a:ext uri="{FF2B5EF4-FFF2-40B4-BE49-F238E27FC236}">
                <a16:creationId xmlns:a16="http://schemas.microsoft.com/office/drawing/2014/main" id="{5592380B-61D6-C35E-79A4-15EA2053DE83}"/>
              </a:ext>
            </a:extLst>
          </p:cNvPr>
          <p:cNvGrpSpPr/>
          <p:nvPr/>
        </p:nvGrpSpPr>
        <p:grpSpPr>
          <a:xfrm>
            <a:off x="523082" y="4413318"/>
            <a:ext cx="358343" cy="358343"/>
            <a:chOff x="523082" y="4616169"/>
            <a:chExt cx="358343" cy="358343"/>
          </a:xfrm>
        </p:grpSpPr>
        <p:sp>
          <p:nvSpPr>
            <p:cNvPr id="42" name="Oval 41">
              <a:extLst>
                <a:ext uri="{FF2B5EF4-FFF2-40B4-BE49-F238E27FC236}">
                  <a16:creationId xmlns:a16="http://schemas.microsoft.com/office/drawing/2014/main" id="{DD00EC1C-BB22-2250-1821-0931492F690C}"/>
                </a:ext>
              </a:extLst>
            </p:cNvPr>
            <p:cNvSpPr/>
            <p:nvPr/>
          </p:nvSpPr>
          <p:spPr>
            <a:xfrm>
              <a:off x="523082" y="4616169"/>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43" name="Graphic 42" descr="Checkmark outline">
              <a:extLst>
                <a:ext uri="{FF2B5EF4-FFF2-40B4-BE49-F238E27FC236}">
                  <a16:creationId xmlns:a16="http://schemas.microsoft.com/office/drawing/2014/main" id="{9A6CC7B3-804B-1919-D0A9-3260E3C201E3}"/>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591177" y="4695839"/>
              <a:ext cx="199000" cy="199000"/>
            </a:xfrm>
            <a:prstGeom prst="rect">
              <a:avLst/>
            </a:prstGeom>
          </p:spPr>
        </p:pic>
      </p:grpSp>
      <p:grpSp>
        <p:nvGrpSpPr>
          <p:cNvPr id="44" name="Group 43">
            <a:extLst>
              <a:ext uri="{FF2B5EF4-FFF2-40B4-BE49-F238E27FC236}">
                <a16:creationId xmlns:a16="http://schemas.microsoft.com/office/drawing/2014/main" id="{C81D55D7-9466-0664-3BB6-744F07BC5EF5}"/>
              </a:ext>
            </a:extLst>
          </p:cNvPr>
          <p:cNvGrpSpPr/>
          <p:nvPr/>
        </p:nvGrpSpPr>
        <p:grpSpPr>
          <a:xfrm>
            <a:off x="523082" y="4851334"/>
            <a:ext cx="358343" cy="358343"/>
            <a:chOff x="523082" y="5142195"/>
            <a:chExt cx="358343" cy="358343"/>
          </a:xfrm>
        </p:grpSpPr>
        <p:sp>
          <p:nvSpPr>
            <p:cNvPr id="45" name="Oval 44">
              <a:extLst>
                <a:ext uri="{FF2B5EF4-FFF2-40B4-BE49-F238E27FC236}">
                  <a16:creationId xmlns:a16="http://schemas.microsoft.com/office/drawing/2014/main" id="{8D6386AC-007D-16CB-6D47-9F433E9B9F1C}"/>
                </a:ext>
              </a:extLst>
            </p:cNvPr>
            <p:cNvSpPr/>
            <p:nvPr/>
          </p:nvSpPr>
          <p:spPr>
            <a:xfrm>
              <a:off x="523082" y="5142195"/>
              <a:ext cx="358343" cy="358343"/>
            </a:xfrm>
            <a:prstGeom prst="ellipse">
              <a:avLst/>
            </a:prstGeom>
            <a:solidFill>
              <a:srgbClr val="00B0F0">
                <a:alpha val="67843"/>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sz="2000" dirty="0">
                <a:latin typeface="Roboto SemiBold" panose="02000000000000000000" pitchFamily="2" charset="0"/>
                <a:ea typeface="Roboto SemiBold" panose="02000000000000000000" pitchFamily="2" charset="0"/>
                <a:cs typeface="Roboto" panose="02000000000000000000" pitchFamily="2" charset="0"/>
              </a:endParaRPr>
            </a:p>
          </p:txBody>
        </p:sp>
        <p:pic>
          <p:nvPicPr>
            <p:cNvPr id="46" name="Graphic 45" descr="Checkmark outline">
              <a:extLst>
                <a:ext uri="{FF2B5EF4-FFF2-40B4-BE49-F238E27FC236}">
                  <a16:creationId xmlns:a16="http://schemas.microsoft.com/office/drawing/2014/main" id="{9E023661-0219-A4AC-C642-A943477BB527}"/>
                </a:ext>
              </a:extLst>
            </p:cNvPr>
            <p:cNvPicPr>
              <a:picLocks noChangeAspect="1"/>
            </p:cNvPicPr>
            <p:nvPr/>
          </p:nvPicPr>
          <p:blipFill>
            <a:blip>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591177" y="5221865"/>
              <a:ext cx="199000" cy="199000"/>
            </a:xfrm>
            <a:prstGeom prst="rect">
              <a:avLst/>
            </a:prstGeom>
          </p:spPr>
        </p:pic>
      </p:grpSp>
    </p:spTree>
    <p:extLst>
      <p:ext uri="{BB962C8B-B14F-4D97-AF65-F5344CB8AC3E}">
        <p14:creationId xmlns:p14="http://schemas.microsoft.com/office/powerpoint/2010/main" val="1334094009"/>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0FE0111-A89E-02DB-1B30-CA242AA9B9A6}"/>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83E40B7B-FEC6-6C66-240E-4AC284AC8B63}"/>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56D58708-E25D-D5C9-D101-5A3DC64EF728}"/>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54512799-41E3-C9A7-FA84-A75F31BD4591}"/>
              </a:ext>
            </a:extLst>
          </p:cNvPr>
          <p:cNvSpPr>
            <a:spLocks noGrp="1"/>
          </p:cNvSpPr>
          <p:nvPr>
            <p:ph type="title"/>
          </p:nvPr>
        </p:nvSpPr>
        <p:spPr/>
        <p:txBody>
          <a:bodyPr>
            <a:normAutofit/>
          </a:bodyPr>
          <a:lstStyle/>
          <a:p>
            <a:r>
              <a:rPr lang="en-IN" dirty="0">
                <a:solidFill>
                  <a:schemeClr val="bg1"/>
                </a:solidFill>
                <a:ea typeface="Roboto SemiBold" panose="02000000000000000000" pitchFamily="2" charset="0"/>
              </a:rPr>
              <a:t>Articulate RISE Sample with Chatbot</a:t>
            </a:r>
            <a:endParaRPr lang="en-US" dirty="0">
              <a:solidFill>
                <a:schemeClr val="bg1"/>
              </a:solidFill>
              <a:ea typeface="Roboto SemiBold" panose="02000000000000000000" pitchFamily="2" charset="0"/>
            </a:endParaRPr>
          </a:p>
        </p:txBody>
      </p:sp>
      <p:sp>
        <p:nvSpPr>
          <p:cNvPr id="2" name="Rectangle: Top Corners Rounded 1">
            <a:hlinkClick r:id="rId4"/>
            <a:extLst>
              <a:ext uri="{FF2B5EF4-FFF2-40B4-BE49-F238E27FC236}">
                <a16:creationId xmlns:a16="http://schemas.microsoft.com/office/drawing/2014/main" id="{6D9F2F21-EB05-E306-586C-B6D9DCB26768}"/>
              </a:ext>
            </a:extLst>
          </p:cNvPr>
          <p:cNvSpPr/>
          <p:nvPr/>
        </p:nvSpPr>
        <p:spPr>
          <a:xfrm>
            <a:off x="533286" y="4502759"/>
            <a:ext cx="1191298" cy="356911"/>
          </a:xfrm>
          <a:prstGeom prst="round2SameRect">
            <a:avLst>
              <a:gd name="adj1" fmla="val 38710"/>
              <a:gd name="adj2" fmla="val 32258"/>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demo</a:t>
            </a:r>
          </a:p>
        </p:txBody>
      </p:sp>
      <p:grpSp>
        <p:nvGrpSpPr>
          <p:cNvPr id="14" name="Group 13">
            <a:extLst>
              <a:ext uri="{FF2B5EF4-FFF2-40B4-BE49-F238E27FC236}">
                <a16:creationId xmlns:a16="http://schemas.microsoft.com/office/drawing/2014/main" id="{6A471DEC-2204-A5B2-54E7-ABCD6493BAB4}"/>
              </a:ext>
            </a:extLst>
          </p:cNvPr>
          <p:cNvGrpSpPr/>
          <p:nvPr/>
        </p:nvGrpSpPr>
        <p:grpSpPr>
          <a:xfrm>
            <a:off x="5942798" y="1400925"/>
            <a:ext cx="5324969" cy="5181430"/>
            <a:chOff x="5500347" y="962026"/>
            <a:chExt cx="6140541" cy="5975017"/>
          </a:xfrm>
        </p:grpSpPr>
        <p:grpSp>
          <p:nvGrpSpPr>
            <p:cNvPr id="4" name="Group 3">
              <a:extLst>
                <a:ext uri="{FF2B5EF4-FFF2-40B4-BE49-F238E27FC236}">
                  <a16:creationId xmlns:a16="http://schemas.microsoft.com/office/drawing/2014/main" id="{4BE534F6-D4B6-BBC3-B925-F86101D53CEA}"/>
                </a:ext>
              </a:extLst>
            </p:cNvPr>
            <p:cNvGrpSpPr/>
            <p:nvPr/>
          </p:nvGrpSpPr>
          <p:grpSpPr>
            <a:xfrm>
              <a:off x="5500347" y="962026"/>
              <a:ext cx="6140541" cy="5975017"/>
              <a:chOff x="5298772" y="759648"/>
              <a:chExt cx="6407259" cy="6234545"/>
            </a:xfrm>
          </p:grpSpPr>
          <p:pic>
            <p:nvPicPr>
              <p:cNvPr id="5" name="Picture 4" descr="A computer monitor with a keyboard&#10;&#10;AI-generated content may be incorrect.">
                <a:extLst>
                  <a:ext uri="{FF2B5EF4-FFF2-40B4-BE49-F238E27FC236}">
                    <a16:creationId xmlns:a16="http://schemas.microsoft.com/office/drawing/2014/main" id="{86F25F61-AC8C-FA06-D154-573F99D32693}"/>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298772" y="759648"/>
                <a:ext cx="6407259" cy="6234545"/>
              </a:xfrm>
              <a:prstGeom prst="rect">
                <a:avLst/>
              </a:prstGeom>
            </p:spPr>
          </p:pic>
          <p:sp>
            <p:nvSpPr>
              <p:cNvPr id="6" name="Rectangle 5">
                <a:extLst>
                  <a:ext uri="{FF2B5EF4-FFF2-40B4-BE49-F238E27FC236}">
                    <a16:creationId xmlns:a16="http://schemas.microsoft.com/office/drawing/2014/main" id="{83FCA34C-9FCB-CBB6-699D-A03389C580AC}"/>
                  </a:ext>
                </a:extLst>
              </p:cNvPr>
              <p:cNvSpPr/>
              <p:nvPr/>
            </p:nvSpPr>
            <p:spPr>
              <a:xfrm>
                <a:off x="5622438" y="1278130"/>
                <a:ext cx="5830299" cy="3269686"/>
              </a:xfrm>
              <a:prstGeom prst="rect">
                <a:avLst/>
              </a:prstGeom>
              <a:solidFill>
                <a:srgbClr val="303030"/>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pic>
          <p:nvPicPr>
            <p:cNvPr id="7" name="Picture 6">
              <a:extLst>
                <a:ext uri="{FF2B5EF4-FFF2-40B4-BE49-F238E27FC236}">
                  <a16:creationId xmlns:a16="http://schemas.microsoft.com/office/drawing/2014/main" id="{DCFD9766-2295-0B21-60D1-20A7FCEFF4C8}"/>
                </a:ext>
              </a:extLst>
            </p:cNvPr>
            <p:cNvPicPr>
              <a:picLocks noChangeAspect="1"/>
            </p:cNvPicPr>
            <p:nvPr/>
          </p:nvPicPr>
          <p:blipFill>
            <a:blip r:embed="rId6">
              <a:extLst>
                <a:ext uri="{28A0092B-C50C-407E-A947-70E740481C1C}">
                  <a14:useLocalDpi xmlns:a14="http://schemas.microsoft.com/office/drawing/2010/main" val="0"/>
                </a:ext>
              </a:extLst>
            </a:blip>
            <a:srcRect l="5699" r="5699"/>
            <a:stretch/>
          </p:blipFill>
          <p:spPr>
            <a:xfrm>
              <a:off x="5810540" y="1449401"/>
              <a:ext cx="5594294" cy="3155314"/>
            </a:xfrm>
            <a:prstGeom prst="rect">
              <a:avLst/>
            </a:prstGeom>
          </p:spPr>
        </p:pic>
      </p:grpSp>
      <p:sp>
        <p:nvSpPr>
          <p:cNvPr id="15" name="Content Placeholder 20">
            <a:extLst>
              <a:ext uri="{FF2B5EF4-FFF2-40B4-BE49-F238E27FC236}">
                <a16:creationId xmlns:a16="http://schemas.microsoft.com/office/drawing/2014/main" id="{B980582F-F36D-F04C-B128-D7B03B046CF6}"/>
              </a:ext>
            </a:extLst>
          </p:cNvPr>
          <p:cNvSpPr>
            <a:spLocks noGrp="1"/>
          </p:cNvSpPr>
          <p:nvPr>
            <p:ph idx="1"/>
          </p:nvPr>
        </p:nvSpPr>
        <p:spPr>
          <a:xfrm>
            <a:off x="446939" y="2541181"/>
            <a:ext cx="4980313" cy="1859083"/>
          </a:xfrm>
        </p:spPr>
        <p:txBody>
          <a:bodyPr>
            <a:noAutofit/>
          </a:bodyPr>
          <a:lstStyle/>
          <a:p>
            <a:pPr marL="0" indent="0">
              <a:buNone/>
            </a:pPr>
            <a:r>
              <a:rPr lang="en-US" sz="1400" b="1" dirty="0">
                <a:ea typeface="Roboto SemiBold" panose="02000000000000000000" pitchFamily="2" charset="0"/>
                <a:cs typeface="Roboto" panose="02000000000000000000" pitchFamily="2" charset="0"/>
              </a:rPr>
              <a:t>Demo Highlights:</a:t>
            </a:r>
            <a:endParaRPr lang="en-US" sz="1400" dirty="0">
              <a:ea typeface="Roboto SemiBold" panose="02000000000000000000" pitchFamily="2" charset="0"/>
              <a:cs typeface="Roboto" panose="02000000000000000000" pitchFamily="2" charset="0"/>
            </a:endParaRPr>
          </a:p>
          <a:p>
            <a:r>
              <a:rPr lang="en-US" sz="1400" dirty="0">
                <a:ea typeface="Roboto SemiBold" panose="02000000000000000000" pitchFamily="2" charset="0"/>
                <a:cs typeface="Roboto" panose="02000000000000000000" pitchFamily="2" charset="0"/>
              </a:rPr>
              <a:t>Responsive course generated with simple interactions </a:t>
            </a:r>
          </a:p>
          <a:p>
            <a:r>
              <a:rPr lang="en-US" sz="1400" dirty="0">
                <a:ea typeface="Roboto SemiBold" panose="02000000000000000000" pitchFamily="2" charset="0"/>
                <a:cs typeface="Roboto" panose="02000000000000000000" pitchFamily="2" charset="0"/>
              </a:rPr>
              <a:t>Deep scroll navigation generated for enhanced engagement </a:t>
            </a:r>
          </a:p>
          <a:p>
            <a:r>
              <a:rPr lang="en-US" sz="1400" dirty="0">
                <a:ea typeface="Roboto SemiBold" panose="02000000000000000000" pitchFamily="2" charset="0"/>
                <a:cs typeface="Roboto" panose="02000000000000000000" pitchFamily="2" charset="0"/>
              </a:rPr>
              <a:t>Branding templates easily adapted for consistent standards</a:t>
            </a:r>
          </a:p>
        </p:txBody>
      </p:sp>
    </p:spTree>
    <p:extLst>
      <p:ext uri="{BB962C8B-B14F-4D97-AF65-F5344CB8AC3E}">
        <p14:creationId xmlns:p14="http://schemas.microsoft.com/office/powerpoint/2010/main" val="2105435143"/>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D559C82-DA06-E3AF-AB8B-49A31E22442C}"/>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363E455C-AB4F-AC5A-DA3B-D8A6B8A6EC4E}"/>
              </a:ext>
            </a:extLst>
          </p:cNvPr>
          <p:cNvSpPr>
            <a:spLocks noGrp="1"/>
          </p:cNvSpPr>
          <p:nvPr>
            <p:ph type="title"/>
          </p:nvPr>
        </p:nvSpPr>
        <p:spPr/>
        <p:txBody>
          <a:bodyPr>
            <a:normAutofit/>
          </a:bodyPr>
          <a:lstStyle/>
          <a:p>
            <a:r>
              <a:rPr lang="en-US" sz="3200" dirty="0">
                <a:ea typeface="Roboto SemiBold" panose="02000000000000000000" pitchFamily="2" charset="0"/>
              </a:rPr>
              <a:t>AI for LMS UI Design</a:t>
            </a:r>
            <a:endParaRPr lang="en-IN" sz="3200" dirty="0">
              <a:ea typeface="Roboto SemiBold" panose="02000000000000000000" pitchFamily="2" charset="0"/>
            </a:endParaRPr>
          </a:p>
        </p:txBody>
      </p:sp>
    </p:spTree>
    <p:extLst>
      <p:ext uri="{BB962C8B-B14F-4D97-AF65-F5344CB8AC3E}">
        <p14:creationId xmlns:p14="http://schemas.microsoft.com/office/powerpoint/2010/main" val="650933597"/>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A87404E-64D6-7E1D-F5C4-32F691C8519F}"/>
            </a:ext>
          </a:extLst>
        </p:cNvPr>
        <p:cNvGrpSpPr/>
        <p:nvPr/>
      </p:nvGrpSpPr>
      <p:grpSpPr>
        <a:xfrm>
          <a:off x="0" y="0"/>
          <a:ext cx="0" cy="0"/>
          <a:chOff x="0" y="0"/>
          <a:chExt cx="0" cy="0"/>
        </a:xfrm>
      </p:grpSpPr>
      <p:pic>
        <p:nvPicPr>
          <p:cNvPr id="7" name="Picture 6" descr="A picture containing text, toy&#10;&#10;Description automatically generated">
            <a:extLst>
              <a:ext uri="{FF2B5EF4-FFF2-40B4-BE49-F238E27FC236}">
                <a16:creationId xmlns:a16="http://schemas.microsoft.com/office/drawing/2014/main" id="{6DD44371-FF40-FD03-F994-D2B8F01A124F}"/>
              </a:ext>
            </a:extLst>
          </p:cNvPr>
          <p:cNvPicPr>
            <a:picLocks noChangeAspect="1"/>
          </p:cNvPicPr>
          <p:nvPr/>
        </p:nvPicPr>
        <p:blipFill rotWithShape="1">
          <a:blip r:embed="rId3">
            <a:extLst>
              <a:ext uri="{28A0092B-C50C-407E-A947-70E740481C1C}">
                <a14:useLocalDpi xmlns:a14="http://schemas.microsoft.com/office/drawing/2010/main" val="0"/>
              </a:ext>
            </a:extLst>
          </a:blip>
          <a:srcRect l="8979" t="9999" r="61531" b="-152"/>
          <a:stretch>
            <a:fillRect/>
          </a:stretch>
        </p:blipFill>
        <p:spPr>
          <a:xfrm>
            <a:off x="-1" y="0"/>
            <a:ext cx="3595361" cy="6869575"/>
          </a:xfrm>
          <a:prstGeom prst="rect">
            <a:avLst/>
          </a:prstGeom>
        </p:spPr>
      </p:pic>
      <p:sp>
        <p:nvSpPr>
          <p:cNvPr id="8" name="Rectangle 7">
            <a:extLst>
              <a:ext uri="{FF2B5EF4-FFF2-40B4-BE49-F238E27FC236}">
                <a16:creationId xmlns:a16="http://schemas.microsoft.com/office/drawing/2014/main" id="{3BCC63D4-50D9-24F4-928D-BAB159047FA4}"/>
              </a:ext>
            </a:extLst>
          </p:cNvPr>
          <p:cNvSpPr/>
          <p:nvPr/>
        </p:nvSpPr>
        <p:spPr>
          <a:xfrm rot="10800000" flipH="1">
            <a:off x="-15253" y="1415"/>
            <a:ext cx="3630933" cy="6858000"/>
          </a:xfrm>
          <a:prstGeom prst="rect">
            <a:avLst/>
          </a:prstGeom>
          <a:gradFill flip="none" rotWithShape="1">
            <a:gsLst>
              <a:gs pos="0">
                <a:srgbClr val="68058D">
                  <a:alpha val="49000"/>
                </a:srgbClr>
              </a:gs>
              <a:gs pos="50000">
                <a:srgbClr val="8202CA">
                  <a:alpha val="88000"/>
                </a:srgbClr>
              </a:gs>
              <a:gs pos="100000">
                <a:srgbClr val="5C00C5">
                  <a:alpha val="91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n-IN" dirty="0">
              <a:latin typeface="Roboto SemiBold" panose="02000000000000000000" pitchFamily="2" charset="0"/>
            </a:endParaRPr>
          </a:p>
        </p:txBody>
      </p:sp>
      <p:pic>
        <p:nvPicPr>
          <p:cNvPr id="23" name="Picture 22">
            <a:hlinkClick r:id="rId4"/>
            <a:extLst>
              <a:ext uri="{FF2B5EF4-FFF2-40B4-BE49-F238E27FC236}">
                <a16:creationId xmlns:a16="http://schemas.microsoft.com/office/drawing/2014/main" id="{4FE1CE8B-7D1E-99C0-A19B-CF542E0F162E}"/>
              </a:ext>
            </a:extLst>
          </p:cNvPr>
          <p:cNvPicPr>
            <a:picLocks noChangeAspect="1"/>
          </p:cNvPicPr>
          <p:nvPr/>
        </p:nvPicPr>
        <p:blipFill>
          <a:blip r:embed="rId5">
            <a:extLst>
              <a:ext uri="{28A0092B-C50C-407E-A947-70E740481C1C}">
                <a14:useLocalDpi xmlns:a14="http://schemas.microsoft.com/office/drawing/2010/main" val="0"/>
              </a:ext>
            </a:extLst>
          </a:blip>
          <a:srcRect l="12819" r="12819"/>
          <a:stretch/>
        </p:blipFill>
        <p:spPr>
          <a:xfrm>
            <a:off x="3955286" y="290236"/>
            <a:ext cx="2644836" cy="1702422"/>
          </a:xfrm>
          <a:prstGeom prst="roundRect">
            <a:avLst>
              <a:gd name="adj" fmla="val 4990"/>
            </a:avLst>
          </a:prstGeom>
          <a:ln>
            <a:solidFill>
              <a:schemeClr val="bg1"/>
            </a:solidFill>
          </a:ln>
          <a:effectLst>
            <a:outerShdw blurRad="50800" dist="38100" dir="2700000" algn="tl" rotWithShape="0">
              <a:prstClr val="black">
                <a:alpha val="40000"/>
              </a:prstClr>
            </a:outerShdw>
          </a:effectLst>
        </p:spPr>
      </p:pic>
      <p:pic>
        <p:nvPicPr>
          <p:cNvPr id="24" name="Picture 23">
            <a:hlinkClick r:id="rId4"/>
            <a:extLst>
              <a:ext uri="{FF2B5EF4-FFF2-40B4-BE49-F238E27FC236}">
                <a16:creationId xmlns:a16="http://schemas.microsoft.com/office/drawing/2014/main" id="{DCBAE7E5-123E-BC3C-ABEB-44A9EF938E51}"/>
              </a:ext>
            </a:extLst>
          </p:cNvPr>
          <p:cNvPicPr>
            <a:picLocks noChangeAspect="1"/>
          </p:cNvPicPr>
          <p:nvPr/>
        </p:nvPicPr>
        <p:blipFill>
          <a:blip r:embed="rId6">
            <a:extLst>
              <a:ext uri="{28A0092B-C50C-407E-A947-70E740481C1C}">
                <a14:useLocalDpi xmlns:a14="http://schemas.microsoft.com/office/drawing/2010/main" val="0"/>
              </a:ext>
            </a:extLst>
          </a:blip>
          <a:srcRect l="19414" r="19414"/>
          <a:stretch/>
        </p:blipFill>
        <p:spPr>
          <a:xfrm>
            <a:off x="3955286" y="3976434"/>
            <a:ext cx="2644836" cy="1702422"/>
          </a:xfrm>
          <a:prstGeom prst="roundRect">
            <a:avLst>
              <a:gd name="adj" fmla="val 4990"/>
            </a:avLst>
          </a:prstGeom>
          <a:ln>
            <a:solidFill>
              <a:schemeClr val="bg1"/>
            </a:solidFill>
          </a:ln>
          <a:effectLst>
            <a:outerShdw blurRad="50800" dist="38100" dir="2700000" algn="tl" rotWithShape="0">
              <a:prstClr val="black">
                <a:alpha val="40000"/>
              </a:prstClr>
            </a:outerShdw>
          </a:effectLst>
        </p:spPr>
      </p:pic>
      <p:pic>
        <p:nvPicPr>
          <p:cNvPr id="25" name="Picture 24">
            <a:hlinkClick r:id="rId4"/>
            <a:extLst>
              <a:ext uri="{FF2B5EF4-FFF2-40B4-BE49-F238E27FC236}">
                <a16:creationId xmlns:a16="http://schemas.microsoft.com/office/drawing/2014/main" id="{2D5E3780-3AE2-CF4D-84B9-03A345B8721C}"/>
              </a:ext>
            </a:extLst>
          </p:cNvPr>
          <p:cNvPicPr>
            <a:picLocks noChangeAspect="1"/>
          </p:cNvPicPr>
          <p:nvPr/>
        </p:nvPicPr>
        <p:blipFill>
          <a:blip r:embed="rId7">
            <a:extLst>
              <a:ext uri="{28A0092B-C50C-407E-A947-70E740481C1C}">
                <a14:useLocalDpi xmlns:a14="http://schemas.microsoft.com/office/drawing/2010/main" val="0"/>
              </a:ext>
            </a:extLst>
          </a:blip>
          <a:srcRect l="18408" r="18408"/>
          <a:stretch/>
        </p:blipFill>
        <p:spPr>
          <a:xfrm>
            <a:off x="3955286" y="2134285"/>
            <a:ext cx="2644836" cy="1700522"/>
          </a:xfrm>
          <a:prstGeom prst="roundRect">
            <a:avLst>
              <a:gd name="adj" fmla="val 4990"/>
            </a:avLst>
          </a:prstGeom>
          <a:ln>
            <a:solidFill>
              <a:schemeClr val="bg1"/>
            </a:solidFill>
          </a:ln>
          <a:effectLst>
            <a:outerShdw blurRad="50800" dist="38100" dir="2700000" algn="tl" rotWithShape="0">
              <a:prstClr val="black">
                <a:alpha val="40000"/>
              </a:prstClr>
            </a:outerShdw>
          </a:effectLst>
        </p:spPr>
      </p:pic>
      <p:sp>
        <p:nvSpPr>
          <p:cNvPr id="36" name="Content Placeholder 2">
            <a:extLst>
              <a:ext uri="{FF2B5EF4-FFF2-40B4-BE49-F238E27FC236}">
                <a16:creationId xmlns:a16="http://schemas.microsoft.com/office/drawing/2014/main" id="{03DAA7C8-50D7-0632-3EFA-7E9F036D8BA2}"/>
              </a:ext>
            </a:extLst>
          </p:cNvPr>
          <p:cNvSpPr txBox="1">
            <a:spLocks/>
          </p:cNvSpPr>
          <p:nvPr/>
        </p:nvSpPr>
        <p:spPr>
          <a:xfrm>
            <a:off x="329721" y="1582699"/>
            <a:ext cx="2743653" cy="1140230"/>
          </a:xfrm>
          <a:prstGeom prst="rect">
            <a:avLst/>
          </a:prstGeom>
        </p:spPr>
        <p:txBody>
          <a:bodyPr vert="horz" lIns="91440" tIns="45720" rIns="91440" bIns="45720" rtlCol="0" anchor="t">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600" kern="1200">
                <a:solidFill>
                  <a:srgbClr val="585858"/>
                </a:solidFill>
                <a:latin typeface="Roboto Light" panose="02000000000000000000" pitchFamily="2" charset="0"/>
                <a:ea typeface="Roboto Light" panose="02000000000000000000" pitchFamily="2" charset="0"/>
                <a:cs typeface="Roboto Light" panose="02000000000000000000" pitchFamily="2" charset="0"/>
              </a:defRPr>
            </a:lvl1pPr>
            <a:lvl2pPr marL="685800" indent="-228600" algn="l" defTabSz="914400" rtl="0" eaLnBrk="1" latinLnBrk="0" hangingPunct="1">
              <a:lnSpc>
                <a:spcPct val="90000"/>
              </a:lnSpc>
              <a:spcBef>
                <a:spcPts val="500"/>
              </a:spcBef>
              <a:buFont typeface="Arial" panose="020B0604020202020204" pitchFamily="34" charset="0"/>
              <a:buChar char="•"/>
              <a:defRPr sz="1400" kern="1200">
                <a:solidFill>
                  <a:srgbClr val="585858"/>
                </a:solidFill>
                <a:latin typeface="Roboto Light" panose="02000000000000000000" pitchFamily="2" charset="0"/>
                <a:ea typeface="Roboto Light" panose="02000000000000000000" pitchFamily="2" charset="0"/>
                <a:cs typeface="Roboto Light" panose="02000000000000000000" pitchFamily="2" charset="0"/>
              </a:defRPr>
            </a:lvl2pPr>
            <a:lvl3pPr marL="1143000" indent="-228600" algn="l" defTabSz="914400" rtl="0" eaLnBrk="1" latinLnBrk="0" hangingPunct="1">
              <a:lnSpc>
                <a:spcPct val="90000"/>
              </a:lnSpc>
              <a:spcBef>
                <a:spcPts val="500"/>
              </a:spcBef>
              <a:buFont typeface="Arial" panose="020B0604020202020204" pitchFamily="34" charset="0"/>
              <a:buChar char="•"/>
              <a:defRPr sz="1200" kern="1200">
                <a:solidFill>
                  <a:srgbClr val="585858"/>
                </a:solidFill>
                <a:latin typeface="Roboto Light" panose="02000000000000000000" pitchFamily="2" charset="0"/>
                <a:ea typeface="Roboto Light" panose="02000000000000000000" pitchFamily="2" charset="0"/>
                <a:cs typeface="Roboto Light" panose="02000000000000000000" pitchFamily="2" charset="0"/>
              </a:defRPr>
            </a:lvl3pPr>
            <a:lvl4pPr marL="1600200" indent="-228600" algn="l" defTabSz="914400" rtl="0" eaLnBrk="1" latinLnBrk="0" hangingPunct="1">
              <a:lnSpc>
                <a:spcPct val="90000"/>
              </a:lnSpc>
              <a:spcBef>
                <a:spcPts val="500"/>
              </a:spcBef>
              <a:buFont typeface="Arial" panose="020B0604020202020204" pitchFamily="34" charset="0"/>
              <a:buChar char="•"/>
              <a:defRPr sz="1100" kern="1200">
                <a:solidFill>
                  <a:srgbClr val="585858"/>
                </a:solidFill>
                <a:latin typeface="Roboto Light" panose="02000000000000000000" pitchFamily="2" charset="0"/>
                <a:ea typeface="Roboto Light" panose="02000000000000000000" pitchFamily="2" charset="0"/>
                <a:cs typeface="Roboto Light" panose="02000000000000000000" pitchFamily="2" charset="0"/>
              </a:defRPr>
            </a:lvl4pPr>
            <a:lvl5pPr marL="2057400" indent="-228600" algn="l" defTabSz="914400" rtl="0" eaLnBrk="1" latinLnBrk="0" hangingPunct="1">
              <a:lnSpc>
                <a:spcPct val="90000"/>
              </a:lnSpc>
              <a:spcBef>
                <a:spcPts val="500"/>
              </a:spcBef>
              <a:buFont typeface="Arial" panose="020B0604020202020204" pitchFamily="34" charset="0"/>
              <a:buChar char="•"/>
              <a:defRPr sz="1100" kern="1200">
                <a:solidFill>
                  <a:srgbClr val="585858"/>
                </a:solidFill>
                <a:latin typeface="Roboto Light" panose="02000000000000000000" pitchFamily="2" charset="0"/>
                <a:ea typeface="Roboto Light" panose="02000000000000000000" pitchFamily="2" charset="0"/>
                <a:cs typeface="Roboto Light" panose="02000000000000000000" pitchFamily="2"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0000"/>
              </a:lnSpc>
              <a:spcBef>
                <a:spcPts val="300"/>
              </a:spcBef>
              <a:spcAft>
                <a:spcPts val="300"/>
              </a:spcAft>
              <a:buNone/>
              <a:defRPr/>
            </a:pPr>
            <a:r>
              <a:rPr kumimoji="0" lang="en-US" sz="1200" b="1" i="0" u="none" strike="noStrike" kern="1200" cap="none" spc="0" normalizeH="0" baseline="0" noProof="0" dirty="0">
                <a:ln>
                  <a:noFill/>
                </a:ln>
                <a:solidFill>
                  <a:schemeClr val="bg1"/>
                </a:solidFill>
                <a:effectLst/>
                <a:uLnTx/>
                <a:uFillTx/>
                <a:latin typeface="Roboto SemiBold" panose="02000000000000000000" pitchFamily="2" charset="0"/>
                <a:ea typeface="Roboto SemiBold" panose="02000000000000000000" pitchFamily="2" charset="0"/>
                <a:cs typeface="Poppins SemiBold" panose="00000700000000000000" pitchFamily="2" charset="0"/>
              </a:rPr>
              <a:t>Objectives</a:t>
            </a:r>
            <a:r>
              <a:rPr kumimoji="0" lang="en-US" sz="1200" i="0" u="none" strike="noStrike" kern="1200" cap="none" spc="0" normalizeH="0" baseline="0" noProof="0" dirty="0">
                <a:ln>
                  <a:noFill/>
                </a:ln>
                <a:solidFill>
                  <a:schemeClr val="bg1"/>
                </a:solidFill>
                <a:effectLst/>
                <a:uLnTx/>
                <a:uFillTx/>
                <a:latin typeface="Roboto SemiBold" panose="02000000000000000000" pitchFamily="2" charset="0"/>
                <a:ea typeface="Roboto SemiBold" panose="02000000000000000000" pitchFamily="2" charset="0"/>
                <a:cs typeface="Poppins SemiBold" panose="00000700000000000000" pitchFamily="2" charset="0"/>
              </a:rPr>
              <a:t>:</a:t>
            </a:r>
          </a:p>
          <a:p>
            <a:pPr>
              <a:lnSpc>
                <a:spcPct val="100000"/>
              </a:lnSpc>
              <a:spcBef>
                <a:spcPts val="0"/>
              </a:spcBef>
              <a:spcAft>
                <a:spcPts val="300"/>
              </a:spcAft>
              <a:defRPr/>
            </a:pPr>
            <a:r>
              <a:rPr kumimoji="0" lang="en-US" sz="1200" i="0" u="none" strike="noStrike" kern="1200" cap="none" spc="0" normalizeH="0" baseline="0" noProof="0" dirty="0">
                <a:ln>
                  <a:noFill/>
                </a:ln>
                <a:solidFill>
                  <a:schemeClr val="bg1"/>
                </a:solidFill>
                <a:effectLst/>
                <a:uLnTx/>
                <a:uFillTx/>
                <a:latin typeface="Roboto SemiBold" panose="02000000000000000000" pitchFamily="2" charset="0"/>
                <a:ea typeface="Roboto SemiBold" panose="02000000000000000000" pitchFamily="2" charset="0"/>
                <a:cs typeface="Poppins SemiBold" panose="00000700000000000000" pitchFamily="2" charset="0"/>
              </a:rPr>
              <a:t>Build a modern, scalable learning interface </a:t>
            </a:r>
          </a:p>
          <a:p>
            <a:pPr>
              <a:lnSpc>
                <a:spcPct val="100000"/>
              </a:lnSpc>
              <a:spcBef>
                <a:spcPts val="0"/>
              </a:spcBef>
              <a:spcAft>
                <a:spcPts val="300"/>
              </a:spcAft>
              <a:defRPr/>
            </a:pPr>
            <a:r>
              <a:rPr kumimoji="0" lang="en-US" sz="1200" i="0" u="none" strike="noStrike" kern="1200" cap="none" spc="0" normalizeH="0" baseline="0" noProof="0" dirty="0">
                <a:ln>
                  <a:noFill/>
                </a:ln>
                <a:solidFill>
                  <a:schemeClr val="bg1"/>
                </a:solidFill>
                <a:effectLst/>
                <a:uLnTx/>
                <a:uFillTx/>
                <a:latin typeface="Roboto SemiBold" panose="02000000000000000000" pitchFamily="2" charset="0"/>
                <a:ea typeface="Roboto SemiBold" panose="02000000000000000000" pitchFamily="2" charset="0"/>
                <a:cs typeface="Poppins SemiBold" panose="00000700000000000000" pitchFamily="2" charset="0"/>
              </a:rPr>
              <a:t>Ensure high-quality UX with faster turnaround</a:t>
            </a:r>
          </a:p>
          <a:p>
            <a:pPr marL="0" indent="0">
              <a:lnSpc>
                <a:spcPct val="100000"/>
              </a:lnSpc>
              <a:spcBef>
                <a:spcPts val="0"/>
              </a:spcBef>
              <a:spcAft>
                <a:spcPts val="300"/>
              </a:spcAft>
              <a:buNone/>
              <a:defRPr/>
            </a:pPr>
            <a:endParaRPr lang="en-US" sz="1200" dirty="0">
              <a:solidFill>
                <a:schemeClr val="bg1"/>
              </a:solidFill>
              <a:latin typeface="Roboto SemiBold" panose="02000000000000000000" pitchFamily="2" charset="0"/>
              <a:ea typeface="Roboto SemiBold" panose="02000000000000000000" pitchFamily="2" charset="0"/>
              <a:cs typeface="Poppins SemiBold" panose="00000700000000000000" pitchFamily="2" charset="0"/>
            </a:endParaRPr>
          </a:p>
          <a:p>
            <a:pPr marL="0" indent="0">
              <a:lnSpc>
                <a:spcPct val="100000"/>
              </a:lnSpc>
              <a:spcBef>
                <a:spcPts val="0"/>
              </a:spcBef>
              <a:spcAft>
                <a:spcPts val="300"/>
              </a:spcAft>
              <a:buNone/>
              <a:defRPr/>
            </a:pPr>
            <a:r>
              <a:rPr kumimoji="0" lang="en-US" sz="1200" b="1" i="0" u="none" strike="noStrike" kern="1200" cap="none" spc="0" normalizeH="0" baseline="0" noProof="0" dirty="0">
                <a:ln>
                  <a:noFill/>
                </a:ln>
                <a:solidFill>
                  <a:schemeClr val="bg1"/>
                </a:solidFill>
                <a:effectLst/>
                <a:uLnTx/>
                <a:uFillTx/>
                <a:latin typeface="Roboto SemiBold" panose="02000000000000000000" pitchFamily="2" charset="0"/>
                <a:ea typeface="Roboto SemiBold" panose="02000000000000000000" pitchFamily="2" charset="0"/>
                <a:cs typeface="Poppins SemiBold" panose="00000700000000000000" pitchFamily="2" charset="0"/>
              </a:rPr>
              <a:t>Key Features</a:t>
            </a:r>
            <a:r>
              <a:rPr kumimoji="0" lang="en-US" sz="1200" i="0" u="none" strike="noStrike" kern="1200" cap="none" spc="0" normalizeH="0" baseline="0" noProof="0" dirty="0">
                <a:ln>
                  <a:noFill/>
                </a:ln>
                <a:solidFill>
                  <a:schemeClr val="bg1"/>
                </a:solidFill>
                <a:effectLst/>
                <a:uLnTx/>
                <a:uFillTx/>
                <a:latin typeface="Roboto SemiBold" panose="02000000000000000000" pitchFamily="2" charset="0"/>
                <a:ea typeface="Roboto SemiBold" panose="02000000000000000000" pitchFamily="2" charset="0"/>
                <a:cs typeface="Poppins SemiBold" panose="00000700000000000000" pitchFamily="2" charset="0"/>
              </a:rPr>
              <a:t>:</a:t>
            </a:r>
          </a:p>
          <a:p>
            <a:pPr marL="0" marR="0" lvl="0" indent="0" algn="l" defTabSz="914400" rtl="0" eaLnBrk="1" fontAlgn="auto" latinLnBrk="0" hangingPunct="1">
              <a:lnSpc>
                <a:spcPct val="100000"/>
              </a:lnSpc>
              <a:spcBef>
                <a:spcPts val="0"/>
              </a:spcBef>
              <a:buClrTx/>
              <a:buSzTx/>
              <a:buFont typeface="Arial" panose="020B0604020202020204" pitchFamily="34" charset="0"/>
              <a:buNone/>
              <a:tabLst/>
              <a:defRPr/>
            </a:pPr>
            <a:endParaRPr kumimoji="0" lang="en-US" sz="1200" i="0" u="none" strike="noStrike" kern="1200" cap="none" spc="0" normalizeH="0" baseline="0" noProof="0" dirty="0">
              <a:ln>
                <a:noFill/>
              </a:ln>
              <a:solidFill>
                <a:schemeClr val="bg1"/>
              </a:solidFill>
              <a:effectLst/>
              <a:uLnTx/>
              <a:uFillTx/>
              <a:latin typeface="Roboto SemiBold" panose="02000000000000000000" pitchFamily="2" charset="0"/>
              <a:ea typeface="Roboto SemiBold" panose="02000000000000000000" pitchFamily="2" charset="0"/>
              <a:cs typeface="Poppins SemiBold" panose="00000700000000000000" pitchFamily="2" charset="0"/>
            </a:endParaRPr>
          </a:p>
        </p:txBody>
      </p:sp>
      <p:pic>
        <p:nvPicPr>
          <p:cNvPr id="40" name="Picture 39">
            <a:extLst>
              <a:ext uri="{FF2B5EF4-FFF2-40B4-BE49-F238E27FC236}">
                <a16:creationId xmlns:a16="http://schemas.microsoft.com/office/drawing/2014/main" id="{0C8444C8-F09C-EE11-5ADC-CA5127158CDF}"/>
              </a:ext>
            </a:extLst>
          </p:cNvPr>
          <p:cNvPicPr>
            <a:picLocks noChangeAspect="1"/>
          </p:cNvPicPr>
          <p:nvPr/>
        </p:nvPicPr>
        <p:blipFill>
          <a:blip r:embed="rId8">
            <a:extLst>
              <a:ext uri="{28A0092B-C50C-407E-A947-70E740481C1C}">
                <a14:useLocalDpi xmlns:a14="http://schemas.microsoft.com/office/drawing/2010/main" val="0"/>
              </a:ext>
            </a:extLst>
          </a:blip>
          <a:srcRect t="222" b="45300"/>
          <a:stretch>
            <a:fillRect/>
          </a:stretch>
        </p:blipFill>
        <p:spPr>
          <a:xfrm>
            <a:off x="6960047" y="290235"/>
            <a:ext cx="4812563" cy="6054853"/>
          </a:xfrm>
          <a:prstGeom prst="roundRect">
            <a:avLst>
              <a:gd name="adj" fmla="val 1949"/>
            </a:avLst>
          </a:prstGeom>
          <a:ln>
            <a:solidFill>
              <a:schemeClr val="bg1"/>
            </a:solidFill>
          </a:ln>
          <a:effectLst>
            <a:outerShdw blurRad="50800" dist="38100" dir="2700000" algn="tl" rotWithShape="0">
              <a:prstClr val="black">
                <a:alpha val="40000"/>
              </a:prstClr>
            </a:outerShdw>
          </a:effectLst>
        </p:spPr>
      </p:pic>
      <p:sp>
        <p:nvSpPr>
          <p:cNvPr id="42" name="TextBox 41">
            <a:extLst>
              <a:ext uri="{FF2B5EF4-FFF2-40B4-BE49-F238E27FC236}">
                <a16:creationId xmlns:a16="http://schemas.microsoft.com/office/drawing/2014/main" id="{51576CEF-975B-695F-EF1A-0DC8070894A1}"/>
              </a:ext>
            </a:extLst>
          </p:cNvPr>
          <p:cNvSpPr txBox="1"/>
          <p:nvPr/>
        </p:nvSpPr>
        <p:spPr>
          <a:xfrm>
            <a:off x="534458" y="3170245"/>
            <a:ext cx="2344365" cy="46166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solidFill>
                  <a:schemeClr val="bg1"/>
                </a:solidFill>
                <a:latin typeface="Roboto SemiBold" panose="02000000000000000000" pitchFamily="2" charset="0"/>
                <a:ea typeface="Roboto SemiBold" panose="02000000000000000000" pitchFamily="2" charset="0"/>
              </a:rPr>
              <a:t>AI integrated across the entire development lifecycle</a:t>
            </a:r>
          </a:p>
        </p:txBody>
      </p:sp>
      <p:sp>
        <p:nvSpPr>
          <p:cNvPr id="43" name="TextBox 42">
            <a:extLst>
              <a:ext uri="{FF2B5EF4-FFF2-40B4-BE49-F238E27FC236}">
                <a16:creationId xmlns:a16="http://schemas.microsoft.com/office/drawing/2014/main" id="{AE019D46-9877-30F4-BC15-D2CC3F9EE067}"/>
              </a:ext>
            </a:extLst>
          </p:cNvPr>
          <p:cNvSpPr txBox="1"/>
          <p:nvPr/>
        </p:nvSpPr>
        <p:spPr>
          <a:xfrm>
            <a:off x="534458" y="3904049"/>
            <a:ext cx="2538915" cy="46166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solidFill>
                  <a:schemeClr val="bg1"/>
                </a:solidFill>
                <a:latin typeface="Roboto SemiBold" panose="02000000000000000000" pitchFamily="2" charset="0"/>
                <a:ea typeface="Roboto SemiBold" panose="02000000000000000000" pitchFamily="2" charset="0"/>
              </a:rPr>
              <a:t>Enabled end-to-end execution by a single developer</a:t>
            </a:r>
          </a:p>
        </p:txBody>
      </p:sp>
      <p:sp>
        <p:nvSpPr>
          <p:cNvPr id="44" name="TextBox 43">
            <a:extLst>
              <a:ext uri="{FF2B5EF4-FFF2-40B4-BE49-F238E27FC236}">
                <a16:creationId xmlns:a16="http://schemas.microsoft.com/office/drawing/2014/main" id="{1E4597D1-3D1D-7439-BB7D-5A69E3BE5486}"/>
              </a:ext>
            </a:extLst>
          </p:cNvPr>
          <p:cNvSpPr txBox="1"/>
          <p:nvPr/>
        </p:nvSpPr>
        <p:spPr>
          <a:xfrm>
            <a:off x="534457" y="4650296"/>
            <a:ext cx="2743653" cy="646331"/>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solidFill>
                  <a:schemeClr val="bg1"/>
                </a:solidFill>
                <a:latin typeface="Roboto SemiBold" panose="02000000000000000000" pitchFamily="2" charset="0"/>
                <a:ea typeface="Roboto SemiBold" panose="02000000000000000000" pitchFamily="2" charset="0"/>
              </a:rPr>
              <a:t>Faster feedback and decision-making  through rapid prototyping and UI refinements</a:t>
            </a:r>
          </a:p>
        </p:txBody>
      </p:sp>
      <p:sp>
        <p:nvSpPr>
          <p:cNvPr id="45" name="TextBox 44">
            <a:extLst>
              <a:ext uri="{FF2B5EF4-FFF2-40B4-BE49-F238E27FC236}">
                <a16:creationId xmlns:a16="http://schemas.microsoft.com/office/drawing/2014/main" id="{6089D101-584C-F616-A9D4-6FB9B5F36741}"/>
              </a:ext>
            </a:extLst>
          </p:cNvPr>
          <p:cNvSpPr txBox="1"/>
          <p:nvPr/>
        </p:nvSpPr>
        <p:spPr>
          <a:xfrm>
            <a:off x="534458" y="5414991"/>
            <a:ext cx="2898841" cy="276999"/>
          </a:xfrm>
          <a:prstGeom prst="rect">
            <a:avLst/>
          </a:prstGeom>
          <a:noFill/>
        </p:spPr>
        <p:txBody>
          <a:bodyPr wrap="square">
            <a:spAutoFit/>
          </a:bodyPr>
          <a:lstStyle/>
          <a:p>
            <a:pPr lvl="0">
              <a:defRPr/>
            </a:pPr>
            <a:r>
              <a:rPr lang="en-US" sz="1200" dirty="0">
                <a:solidFill>
                  <a:schemeClr val="bg1"/>
                </a:solidFill>
                <a:latin typeface="Roboto SemiBold" panose="02000000000000000000" pitchFamily="2" charset="0"/>
                <a:ea typeface="Roboto SemiBold" panose="02000000000000000000" pitchFamily="2" charset="0"/>
              </a:rPr>
              <a:t>Reduced turnaround time for changes</a:t>
            </a:r>
          </a:p>
        </p:txBody>
      </p:sp>
      <p:sp>
        <p:nvSpPr>
          <p:cNvPr id="46" name="Rectangle: Rounded Corners 45">
            <a:extLst>
              <a:ext uri="{FF2B5EF4-FFF2-40B4-BE49-F238E27FC236}">
                <a16:creationId xmlns:a16="http://schemas.microsoft.com/office/drawing/2014/main" id="{04555EF6-BB59-6877-53BA-60F02F4CFBCE}"/>
              </a:ext>
            </a:extLst>
          </p:cNvPr>
          <p:cNvSpPr/>
          <p:nvPr/>
        </p:nvSpPr>
        <p:spPr>
          <a:xfrm>
            <a:off x="467463" y="3220551"/>
            <a:ext cx="40750" cy="331714"/>
          </a:xfrm>
          <a:prstGeom prst="roundRect">
            <a:avLst/>
          </a:prstGeom>
          <a:solidFill>
            <a:srgbClr val="5ADFF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47" name="Rectangle: Rounded Corners 46">
            <a:extLst>
              <a:ext uri="{FF2B5EF4-FFF2-40B4-BE49-F238E27FC236}">
                <a16:creationId xmlns:a16="http://schemas.microsoft.com/office/drawing/2014/main" id="{F53E16F3-F112-8E86-B538-728A5CE44D01}"/>
              </a:ext>
            </a:extLst>
          </p:cNvPr>
          <p:cNvSpPr/>
          <p:nvPr/>
        </p:nvSpPr>
        <p:spPr>
          <a:xfrm>
            <a:off x="467462" y="3956053"/>
            <a:ext cx="40750" cy="331714"/>
          </a:xfrm>
          <a:prstGeom prst="roundRect">
            <a:avLst/>
          </a:prstGeom>
          <a:solidFill>
            <a:srgbClr val="5ADFF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48" name="Rectangle: Rounded Corners 47">
            <a:extLst>
              <a:ext uri="{FF2B5EF4-FFF2-40B4-BE49-F238E27FC236}">
                <a16:creationId xmlns:a16="http://schemas.microsoft.com/office/drawing/2014/main" id="{A17C561B-4AF9-EBFE-80B7-4D828108139B}"/>
              </a:ext>
            </a:extLst>
          </p:cNvPr>
          <p:cNvSpPr/>
          <p:nvPr/>
        </p:nvSpPr>
        <p:spPr>
          <a:xfrm>
            <a:off x="467461" y="4671891"/>
            <a:ext cx="40750" cy="457200"/>
          </a:xfrm>
          <a:prstGeom prst="roundRect">
            <a:avLst/>
          </a:prstGeom>
          <a:solidFill>
            <a:srgbClr val="5ADFF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49" name="Rectangle: Rounded Corners 48">
            <a:extLst>
              <a:ext uri="{FF2B5EF4-FFF2-40B4-BE49-F238E27FC236}">
                <a16:creationId xmlns:a16="http://schemas.microsoft.com/office/drawing/2014/main" id="{69F7669E-EFA6-32EE-58DB-2E8922FC4770}"/>
              </a:ext>
            </a:extLst>
          </p:cNvPr>
          <p:cNvSpPr/>
          <p:nvPr/>
        </p:nvSpPr>
        <p:spPr>
          <a:xfrm>
            <a:off x="467460" y="5387730"/>
            <a:ext cx="40750" cy="331714"/>
          </a:xfrm>
          <a:prstGeom prst="roundRect">
            <a:avLst/>
          </a:prstGeom>
          <a:solidFill>
            <a:srgbClr val="5ADFF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4" name="Title 3">
            <a:extLst>
              <a:ext uri="{FF2B5EF4-FFF2-40B4-BE49-F238E27FC236}">
                <a16:creationId xmlns:a16="http://schemas.microsoft.com/office/drawing/2014/main" id="{3A309830-FA93-5F10-4447-BD4A7D51FD72}"/>
              </a:ext>
            </a:extLst>
          </p:cNvPr>
          <p:cNvSpPr txBox="1">
            <a:spLocks/>
          </p:cNvSpPr>
          <p:nvPr/>
        </p:nvSpPr>
        <p:spPr>
          <a:xfrm>
            <a:off x="325713" y="332120"/>
            <a:ext cx="3107585" cy="1342019"/>
          </a:xfrm>
          <a:prstGeom prst="rect">
            <a:avLst/>
          </a:prstGeom>
        </p:spPr>
        <p:txBody>
          <a:bodyPr vert="horz" lIns="91440" tIns="45720" rIns="91440" bIns="45720" rtlCol="0" anchor="t">
            <a:noAutofit/>
          </a:bodyPr>
          <a:lstStyle>
            <a:lvl1pPr algn="l" defTabSz="914400" rtl="0" eaLnBrk="1" latinLnBrk="0" hangingPunct="1">
              <a:lnSpc>
                <a:spcPct val="90000"/>
              </a:lnSpc>
              <a:spcBef>
                <a:spcPct val="0"/>
              </a:spcBef>
              <a:buNone/>
              <a:defRPr sz="2000" kern="1200">
                <a:solidFill>
                  <a:schemeClr val="tx1"/>
                </a:solidFill>
                <a:latin typeface="Roboto Light" panose="02000000000000000000" pitchFamily="2" charset="0"/>
                <a:ea typeface="Roboto Light" panose="02000000000000000000" pitchFamily="2" charset="0"/>
                <a:cs typeface="+mj-cs"/>
              </a:defRPr>
            </a:lvl1pPr>
          </a:lstStyle>
          <a:p>
            <a:r>
              <a:rPr lang="en-US" sz="2400" dirty="0">
                <a:solidFill>
                  <a:schemeClr val="bg1"/>
                </a:solidFill>
                <a:latin typeface="Roboto SemiBold" panose="02000000000000000000" pitchFamily="2" charset="0"/>
              </a:rPr>
              <a:t>GBC LMS Design: Accelerating UI Development with AI</a:t>
            </a:r>
          </a:p>
        </p:txBody>
      </p:sp>
      <p:sp>
        <p:nvSpPr>
          <p:cNvPr id="9" name="TextBox 8">
            <a:extLst>
              <a:ext uri="{FF2B5EF4-FFF2-40B4-BE49-F238E27FC236}">
                <a16:creationId xmlns:a16="http://schemas.microsoft.com/office/drawing/2014/main" id="{50505B8A-C07B-4892-A032-27B231BFCC10}"/>
              </a:ext>
            </a:extLst>
          </p:cNvPr>
          <p:cNvSpPr txBox="1"/>
          <p:nvPr/>
        </p:nvSpPr>
        <p:spPr>
          <a:xfrm>
            <a:off x="534458" y="5944681"/>
            <a:ext cx="2818342" cy="461665"/>
          </a:xfrm>
          <a:prstGeom prst="rect">
            <a:avLst/>
          </a:prstGeom>
          <a:noFill/>
        </p:spPr>
        <p:txBody>
          <a:bodyPr wrap="square">
            <a:spAutoFit/>
          </a:bodyPr>
          <a:lstStyle/>
          <a:p>
            <a:pPr>
              <a:defRPr/>
            </a:pPr>
            <a:r>
              <a:rPr lang="en-US" sz="1200" dirty="0">
                <a:solidFill>
                  <a:schemeClr val="bg1"/>
                </a:solidFill>
                <a:latin typeface="Roboto SemiBold" panose="02000000000000000000" pitchFamily="2" charset="0"/>
                <a:ea typeface="Roboto SemiBold" panose="02000000000000000000" pitchFamily="2" charset="0"/>
              </a:rPr>
              <a:t>Improved Code quality and development consistency</a:t>
            </a:r>
          </a:p>
        </p:txBody>
      </p:sp>
      <p:sp>
        <p:nvSpPr>
          <p:cNvPr id="10" name="Rectangle: Rounded Corners 9">
            <a:extLst>
              <a:ext uri="{FF2B5EF4-FFF2-40B4-BE49-F238E27FC236}">
                <a16:creationId xmlns:a16="http://schemas.microsoft.com/office/drawing/2014/main" id="{13D7EFEA-2F43-EEE7-884B-DEE00D391115}"/>
              </a:ext>
            </a:extLst>
          </p:cNvPr>
          <p:cNvSpPr/>
          <p:nvPr/>
        </p:nvSpPr>
        <p:spPr>
          <a:xfrm>
            <a:off x="467461" y="5998175"/>
            <a:ext cx="40750" cy="329184"/>
          </a:xfrm>
          <a:prstGeom prst="roundRect">
            <a:avLst/>
          </a:prstGeom>
          <a:solidFill>
            <a:srgbClr val="5ADFF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Tree>
    <p:extLst>
      <p:ext uri="{BB962C8B-B14F-4D97-AF65-F5344CB8AC3E}">
        <p14:creationId xmlns:p14="http://schemas.microsoft.com/office/powerpoint/2010/main" val="2533097625"/>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8EC10F3-6886-C2E2-AD61-B0DE71C4B3B6}"/>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6051D1FD-49B5-DB67-8CAE-CFB1C07BC97A}"/>
              </a:ext>
            </a:extLst>
          </p:cNvPr>
          <p:cNvSpPr>
            <a:spLocks noGrp="1"/>
          </p:cNvSpPr>
          <p:nvPr>
            <p:ph type="title"/>
          </p:nvPr>
        </p:nvSpPr>
        <p:spPr>
          <a:xfrm>
            <a:off x="2917765" y="2476050"/>
            <a:ext cx="6356470" cy="713529"/>
          </a:xfrm>
        </p:spPr>
        <p:txBody>
          <a:bodyPr>
            <a:noAutofit/>
          </a:bodyPr>
          <a:lstStyle/>
          <a:p>
            <a:r>
              <a:rPr lang="en-US" sz="3200" dirty="0">
                <a:ea typeface="Roboto SemiBold" panose="02000000000000000000" pitchFamily="2" charset="0"/>
              </a:rPr>
              <a:t>AI Custom Workflow Samples</a:t>
            </a:r>
            <a:endParaRPr lang="en-IN" sz="3200" dirty="0">
              <a:ea typeface="Roboto SemiBold" panose="02000000000000000000" pitchFamily="2" charset="0"/>
            </a:endParaRPr>
          </a:p>
        </p:txBody>
      </p:sp>
      <p:sp>
        <p:nvSpPr>
          <p:cNvPr id="3" name="TextBox 2">
            <a:extLst>
              <a:ext uri="{FF2B5EF4-FFF2-40B4-BE49-F238E27FC236}">
                <a16:creationId xmlns:a16="http://schemas.microsoft.com/office/drawing/2014/main" id="{4EBC244C-8A43-2F10-68FA-19F6CA62E6C5}"/>
              </a:ext>
            </a:extLst>
          </p:cNvPr>
          <p:cNvSpPr txBox="1"/>
          <p:nvPr/>
        </p:nvSpPr>
        <p:spPr>
          <a:xfrm>
            <a:off x="2289545" y="3454069"/>
            <a:ext cx="7612910" cy="646331"/>
          </a:xfrm>
          <a:prstGeom prst="rect">
            <a:avLst/>
          </a:prstGeom>
          <a:noFill/>
        </p:spPr>
        <p:txBody>
          <a:bodyPr wrap="square">
            <a:spAutoFit/>
          </a:bodyPr>
          <a:lstStyle/>
          <a:p>
            <a:pPr algn="ctr"/>
            <a:r>
              <a:rPr lang="en-US" sz="1800" dirty="0">
                <a:solidFill>
                  <a:schemeClr val="bg1"/>
                </a:solidFill>
                <a:latin typeface="Roboto SemiBold" panose="02000000000000000000" pitchFamily="2" charset="0"/>
                <a:ea typeface="Roboto SemiBold" panose="02000000000000000000" pitchFamily="2" charset="0"/>
                <a:cs typeface="Roboto" panose="02000000000000000000" pitchFamily="2" charset="0"/>
              </a:rPr>
              <a:t>Good user experience (UX) is rarely driven by a single AI tool—it results from multiple AI tools working together across the user journey.</a:t>
            </a:r>
          </a:p>
        </p:txBody>
      </p:sp>
    </p:spTree>
    <p:extLst>
      <p:ext uri="{BB962C8B-B14F-4D97-AF65-F5344CB8AC3E}">
        <p14:creationId xmlns:p14="http://schemas.microsoft.com/office/powerpoint/2010/main" val="4283428708"/>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F8D474E-C489-EA20-66D4-5A7DBAA4C3C6}"/>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2BFD991E-429D-AC67-9DD6-05B6400D3D8B}"/>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B4EE707A-6A29-EF5D-1DAE-05FABE838EB6}"/>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05845C4A-142B-DFB2-B4D2-A5C353FBE60E}"/>
              </a:ext>
            </a:extLst>
          </p:cNvPr>
          <p:cNvSpPr>
            <a:spLocks noGrp="1"/>
          </p:cNvSpPr>
          <p:nvPr>
            <p:ph type="title"/>
          </p:nvPr>
        </p:nvSpPr>
        <p:spPr/>
        <p:txBody>
          <a:bodyPr>
            <a:normAutofit/>
          </a:bodyPr>
          <a:lstStyle/>
          <a:p>
            <a:r>
              <a:rPr lang="en-US" dirty="0">
                <a:solidFill>
                  <a:schemeClr val="bg1"/>
                </a:solidFill>
                <a:ea typeface="Roboto SemiBold" panose="02000000000000000000" pitchFamily="2" charset="0"/>
              </a:rPr>
              <a:t>Tools and Technologies Expertise</a:t>
            </a:r>
          </a:p>
        </p:txBody>
      </p:sp>
      <p:sp>
        <p:nvSpPr>
          <p:cNvPr id="21" name="Content Placeholder 20">
            <a:extLst>
              <a:ext uri="{FF2B5EF4-FFF2-40B4-BE49-F238E27FC236}">
                <a16:creationId xmlns:a16="http://schemas.microsoft.com/office/drawing/2014/main" id="{F1C2BE32-6F79-482A-4545-AD2D67D7BFB7}"/>
              </a:ext>
            </a:extLst>
          </p:cNvPr>
          <p:cNvSpPr>
            <a:spLocks noGrp="1"/>
          </p:cNvSpPr>
          <p:nvPr>
            <p:ph idx="1"/>
          </p:nvPr>
        </p:nvSpPr>
        <p:spPr>
          <a:xfrm>
            <a:off x="446940" y="1719362"/>
            <a:ext cx="11603546" cy="4276323"/>
          </a:xfrm>
        </p:spPr>
        <p:txBody>
          <a:bodyPr>
            <a:noAutofit/>
          </a:bodyPr>
          <a:lstStyle/>
          <a:p>
            <a:pPr>
              <a:lnSpc>
                <a:spcPct val="100000"/>
              </a:lnSpc>
            </a:pPr>
            <a:r>
              <a:rPr lang="en-US" sz="1400" dirty="0">
                <a:ea typeface="Roboto SemiBold" panose="02000000000000000000" pitchFamily="2" charset="0"/>
              </a:rPr>
              <a:t>Leverage industry‑standard tools to deliver SCORM and Tin Can (</a:t>
            </a:r>
            <a:r>
              <a:rPr lang="en-US" sz="1400" dirty="0" err="1">
                <a:ea typeface="Roboto SemiBold" panose="02000000000000000000" pitchFamily="2" charset="0"/>
              </a:rPr>
              <a:t>xAPI</a:t>
            </a:r>
            <a:r>
              <a:rPr lang="en-US" sz="1400" dirty="0">
                <a:ea typeface="Roboto SemiBold" panose="02000000000000000000" pitchFamily="2" charset="0"/>
              </a:rPr>
              <a:t>) compliant eLearning solutions</a:t>
            </a:r>
          </a:p>
          <a:p>
            <a:pPr>
              <a:lnSpc>
                <a:spcPct val="100000"/>
              </a:lnSpc>
            </a:pPr>
            <a:r>
              <a:rPr lang="en-US" sz="1400" dirty="0">
                <a:ea typeface="Roboto SemiBold" panose="02000000000000000000" pitchFamily="2" charset="0"/>
              </a:rPr>
              <a:t>Deliver thousands of hours of proven digital learning content</a:t>
            </a:r>
          </a:p>
          <a:p>
            <a:pPr>
              <a:lnSpc>
                <a:spcPct val="100000"/>
              </a:lnSpc>
            </a:pPr>
            <a:r>
              <a:rPr lang="en-US" sz="1400" dirty="0">
                <a:ea typeface="Roboto SemiBold" panose="02000000000000000000" pitchFamily="2" charset="0"/>
              </a:rPr>
              <a:t>Ensure multi‑device compatibility across desktops, laptops, tablets, and smartphones</a:t>
            </a:r>
          </a:p>
          <a:p>
            <a:pPr>
              <a:lnSpc>
                <a:spcPct val="100000"/>
              </a:lnSpc>
            </a:pPr>
            <a:r>
              <a:rPr lang="en-US" sz="1400" dirty="0">
                <a:ea typeface="Roboto SemiBold" panose="02000000000000000000" pitchFamily="2" charset="0"/>
              </a:rPr>
              <a:t>Rapidly adapt to emerging technologies</a:t>
            </a:r>
          </a:p>
        </p:txBody>
      </p:sp>
      <p:grpSp>
        <p:nvGrpSpPr>
          <p:cNvPr id="1031" name="Group 1030">
            <a:extLst>
              <a:ext uri="{FF2B5EF4-FFF2-40B4-BE49-F238E27FC236}">
                <a16:creationId xmlns:a16="http://schemas.microsoft.com/office/drawing/2014/main" id="{E215B81E-587F-4E9B-8A48-E03DA22C977C}"/>
              </a:ext>
            </a:extLst>
          </p:cNvPr>
          <p:cNvGrpSpPr/>
          <p:nvPr/>
        </p:nvGrpSpPr>
        <p:grpSpPr>
          <a:xfrm>
            <a:off x="446280" y="3234888"/>
            <a:ext cx="3563011" cy="2936713"/>
            <a:chOff x="446281" y="3234888"/>
            <a:chExt cx="3364472" cy="2936713"/>
          </a:xfrm>
        </p:grpSpPr>
        <p:sp>
          <p:nvSpPr>
            <p:cNvPr id="14" name="Rounded Rectangle 4">
              <a:extLst>
                <a:ext uri="{FF2B5EF4-FFF2-40B4-BE49-F238E27FC236}">
                  <a16:creationId xmlns:a16="http://schemas.microsoft.com/office/drawing/2014/main" id="{0D9F5DDC-8AFE-89E6-B5C5-D3EA5E63A785}"/>
                </a:ext>
              </a:extLst>
            </p:cNvPr>
            <p:cNvSpPr/>
            <p:nvPr/>
          </p:nvSpPr>
          <p:spPr>
            <a:xfrm>
              <a:off x="446281" y="3234889"/>
              <a:ext cx="3364472" cy="2936712"/>
            </a:xfrm>
            <a:prstGeom prst="roundRect">
              <a:avLst>
                <a:gd name="adj" fmla="val 6599"/>
              </a:avLst>
            </a:prstGeom>
            <a:solidFill>
              <a:schemeClr val="bg1"/>
            </a:solidFill>
            <a:ln>
              <a:noFill/>
            </a:ln>
            <a:effectLst>
              <a:outerShdw blurRad="38100" dist="12700" dir="5400000" algn="t" rotWithShape="0">
                <a:prstClr val="black">
                  <a:alpha val="27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050" dirty="0">
                <a:solidFill>
                  <a:srgbClr val="FFFFFF"/>
                </a:solidFill>
                <a:latin typeface="Roboto SemiBold" panose="02000000000000000000" pitchFamily="2" charset="0"/>
                <a:ea typeface="Roboto SemiBold" panose="02000000000000000000" pitchFamily="2" charset="0"/>
                <a:cs typeface="linea-basic-10" charset="0"/>
              </a:endParaRPr>
            </a:p>
          </p:txBody>
        </p:sp>
        <p:sp>
          <p:nvSpPr>
            <p:cNvPr id="39" name="Rectangle: Top Corners Rounded 38">
              <a:extLst>
                <a:ext uri="{FF2B5EF4-FFF2-40B4-BE49-F238E27FC236}">
                  <a16:creationId xmlns:a16="http://schemas.microsoft.com/office/drawing/2014/main" id="{81412549-6E61-E5F4-00E7-53F12A058B56}"/>
                </a:ext>
              </a:extLst>
            </p:cNvPr>
            <p:cNvSpPr/>
            <p:nvPr/>
          </p:nvSpPr>
          <p:spPr>
            <a:xfrm>
              <a:off x="446281" y="3234888"/>
              <a:ext cx="3364472" cy="434545"/>
            </a:xfrm>
            <a:prstGeom prst="round2SameRect">
              <a:avLst>
                <a:gd name="adj1" fmla="val 25882"/>
                <a:gd name="adj2" fmla="val 0"/>
              </a:avLst>
            </a:prstGeom>
            <a:solidFill>
              <a:srgbClr val="7657A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sp>
        <p:nvSpPr>
          <p:cNvPr id="40" name="TextBox 39">
            <a:extLst>
              <a:ext uri="{FF2B5EF4-FFF2-40B4-BE49-F238E27FC236}">
                <a16:creationId xmlns:a16="http://schemas.microsoft.com/office/drawing/2014/main" id="{A928A3E1-5FA9-2E5A-10EA-5D4D61ECBF2B}"/>
              </a:ext>
            </a:extLst>
          </p:cNvPr>
          <p:cNvSpPr txBox="1"/>
          <p:nvPr/>
        </p:nvSpPr>
        <p:spPr>
          <a:xfrm>
            <a:off x="1081740" y="3308714"/>
            <a:ext cx="2292091" cy="310833"/>
          </a:xfrm>
          <a:prstGeom prst="rect">
            <a:avLst/>
          </a:prstGeom>
          <a:noFill/>
          <a:ln>
            <a:noFill/>
          </a:ln>
          <a:effectLst/>
        </p:spPr>
        <p:style>
          <a:lnRef idx="1">
            <a:schemeClr val="accent1"/>
          </a:lnRef>
          <a:fillRef idx="3">
            <a:schemeClr val="accent1"/>
          </a:fillRef>
          <a:effectRef idx="2">
            <a:schemeClr val="accent1"/>
          </a:effectRef>
          <a:fontRef idx="minor">
            <a:schemeClr val="lt1"/>
          </a:fontRef>
        </p:style>
        <p:txBody>
          <a:bodyPr wrap="square" lIns="90357" tIns="45171" rIns="90357" bIns="45171"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400" i="0" u="none" strike="noStrike" kern="1200" cap="none" spc="0" normalizeH="0" baseline="0" noProof="0" dirty="0">
                <a:ln>
                  <a:noFill/>
                </a:ln>
                <a:solidFill>
                  <a:schemeClr val="bg1"/>
                </a:solidFill>
                <a:effectLst/>
                <a:uLnTx/>
                <a:uFillTx/>
                <a:latin typeface="Roboto SemiBold" panose="02000000000000000000" pitchFamily="2" charset="0"/>
                <a:ea typeface="Roboto SemiBold" panose="02000000000000000000" pitchFamily="2" charset="0"/>
                <a:cs typeface="Roboto" panose="02000000000000000000" pitchFamily="2" charset="0"/>
              </a:rPr>
              <a:t>AI-BASED TOOLS</a:t>
            </a:r>
          </a:p>
        </p:txBody>
      </p:sp>
      <p:grpSp>
        <p:nvGrpSpPr>
          <p:cNvPr id="1035" name="Group 1034">
            <a:extLst>
              <a:ext uri="{FF2B5EF4-FFF2-40B4-BE49-F238E27FC236}">
                <a16:creationId xmlns:a16="http://schemas.microsoft.com/office/drawing/2014/main" id="{03223031-C15E-A14D-6D67-174E0215FBC5}"/>
              </a:ext>
            </a:extLst>
          </p:cNvPr>
          <p:cNvGrpSpPr/>
          <p:nvPr/>
        </p:nvGrpSpPr>
        <p:grpSpPr>
          <a:xfrm>
            <a:off x="4314494" y="3234888"/>
            <a:ext cx="3563011" cy="2936713"/>
            <a:chOff x="446281" y="3234888"/>
            <a:chExt cx="3364472" cy="2936713"/>
          </a:xfrm>
        </p:grpSpPr>
        <p:sp>
          <p:nvSpPr>
            <p:cNvPr id="1036" name="Rounded Rectangle 4">
              <a:extLst>
                <a:ext uri="{FF2B5EF4-FFF2-40B4-BE49-F238E27FC236}">
                  <a16:creationId xmlns:a16="http://schemas.microsoft.com/office/drawing/2014/main" id="{22BC4FD0-6984-5F0F-661F-D2E3AB9F6BB2}"/>
                </a:ext>
              </a:extLst>
            </p:cNvPr>
            <p:cNvSpPr/>
            <p:nvPr/>
          </p:nvSpPr>
          <p:spPr>
            <a:xfrm>
              <a:off x="446281" y="3234889"/>
              <a:ext cx="3364472" cy="2936712"/>
            </a:xfrm>
            <a:prstGeom prst="roundRect">
              <a:avLst>
                <a:gd name="adj" fmla="val 6599"/>
              </a:avLst>
            </a:prstGeom>
            <a:solidFill>
              <a:schemeClr val="bg1"/>
            </a:solidFill>
            <a:ln>
              <a:noFill/>
            </a:ln>
            <a:effectLst>
              <a:outerShdw blurRad="38100" dist="12700" dir="5400000" algn="t" rotWithShape="0">
                <a:prstClr val="black">
                  <a:alpha val="27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050" dirty="0">
                <a:solidFill>
                  <a:srgbClr val="FFFFFF"/>
                </a:solidFill>
                <a:latin typeface="Roboto SemiBold" panose="02000000000000000000" pitchFamily="2" charset="0"/>
                <a:ea typeface="Roboto SemiBold" panose="02000000000000000000" pitchFamily="2" charset="0"/>
                <a:cs typeface="linea-basic-10" charset="0"/>
              </a:endParaRPr>
            </a:p>
          </p:txBody>
        </p:sp>
        <p:sp>
          <p:nvSpPr>
            <p:cNvPr id="1037" name="Rectangle: Top Corners Rounded 1036">
              <a:extLst>
                <a:ext uri="{FF2B5EF4-FFF2-40B4-BE49-F238E27FC236}">
                  <a16:creationId xmlns:a16="http://schemas.microsoft.com/office/drawing/2014/main" id="{BA8BD222-B7D3-F9AB-6B7B-B2E4A1F2F88E}"/>
                </a:ext>
              </a:extLst>
            </p:cNvPr>
            <p:cNvSpPr/>
            <p:nvPr/>
          </p:nvSpPr>
          <p:spPr>
            <a:xfrm>
              <a:off x="446281" y="3234888"/>
              <a:ext cx="3364472" cy="434545"/>
            </a:xfrm>
            <a:prstGeom prst="round2SameRect">
              <a:avLst>
                <a:gd name="adj1" fmla="val 25882"/>
                <a:gd name="adj2" fmla="val 0"/>
              </a:avLst>
            </a:prstGeom>
            <a:solidFill>
              <a:srgbClr val="7657A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grpSp>
        <p:nvGrpSpPr>
          <p:cNvPr id="1038" name="Group 1037">
            <a:extLst>
              <a:ext uri="{FF2B5EF4-FFF2-40B4-BE49-F238E27FC236}">
                <a16:creationId xmlns:a16="http://schemas.microsoft.com/office/drawing/2014/main" id="{32A56FDE-48CA-F98E-07A9-59C0EF866248}"/>
              </a:ext>
            </a:extLst>
          </p:cNvPr>
          <p:cNvGrpSpPr/>
          <p:nvPr/>
        </p:nvGrpSpPr>
        <p:grpSpPr>
          <a:xfrm>
            <a:off x="8182711" y="3234888"/>
            <a:ext cx="3563011" cy="2936713"/>
            <a:chOff x="446281" y="3234888"/>
            <a:chExt cx="3364472" cy="2936713"/>
          </a:xfrm>
        </p:grpSpPr>
        <p:sp>
          <p:nvSpPr>
            <p:cNvPr id="1039" name="Rounded Rectangle 4">
              <a:extLst>
                <a:ext uri="{FF2B5EF4-FFF2-40B4-BE49-F238E27FC236}">
                  <a16:creationId xmlns:a16="http://schemas.microsoft.com/office/drawing/2014/main" id="{3F4B248A-2982-CE74-A54D-789B41AE1C1C}"/>
                </a:ext>
              </a:extLst>
            </p:cNvPr>
            <p:cNvSpPr/>
            <p:nvPr/>
          </p:nvSpPr>
          <p:spPr>
            <a:xfrm>
              <a:off x="446281" y="3234889"/>
              <a:ext cx="3364472" cy="2936712"/>
            </a:xfrm>
            <a:prstGeom prst="roundRect">
              <a:avLst>
                <a:gd name="adj" fmla="val 6599"/>
              </a:avLst>
            </a:prstGeom>
            <a:solidFill>
              <a:schemeClr val="bg1"/>
            </a:solidFill>
            <a:ln>
              <a:noFill/>
            </a:ln>
            <a:effectLst>
              <a:outerShdw blurRad="38100" dist="12700" dir="5400000" algn="t" rotWithShape="0">
                <a:prstClr val="black">
                  <a:alpha val="27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050" dirty="0">
                <a:solidFill>
                  <a:srgbClr val="FFFFFF"/>
                </a:solidFill>
                <a:latin typeface="Roboto SemiBold" panose="02000000000000000000" pitchFamily="2" charset="0"/>
                <a:ea typeface="Roboto SemiBold" panose="02000000000000000000" pitchFamily="2" charset="0"/>
                <a:cs typeface="linea-basic-10" charset="0"/>
              </a:endParaRPr>
            </a:p>
          </p:txBody>
        </p:sp>
        <p:sp>
          <p:nvSpPr>
            <p:cNvPr id="1040" name="Rectangle: Top Corners Rounded 1039">
              <a:extLst>
                <a:ext uri="{FF2B5EF4-FFF2-40B4-BE49-F238E27FC236}">
                  <a16:creationId xmlns:a16="http://schemas.microsoft.com/office/drawing/2014/main" id="{8D9B5220-4CF1-7CAE-F109-971878A5CB97}"/>
                </a:ext>
              </a:extLst>
            </p:cNvPr>
            <p:cNvSpPr/>
            <p:nvPr/>
          </p:nvSpPr>
          <p:spPr>
            <a:xfrm>
              <a:off x="446281" y="3234888"/>
              <a:ext cx="3364472" cy="434545"/>
            </a:xfrm>
            <a:prstGeom prst="round2SameRect">
              <a:avLst>
                <a:gd name="adj1" fmla="val 25882"/>
                <a:gd name="adj2" fmla="val 0"/>
              </a:avLst>
            </a:prstGeom>
            <a:solidFill>
              <a:srgbClr val="7657A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grpSp>
      <p:sp>
        <p:nvSpPr>
          <p:cNvPr id="1041" name="TextBox 1040">
            <a:extLst>
              <a:ext uri="{FF2B5EF4-FFF2-40B4-BE49-F238E27FC236}">
                <a16:creationId xmlns:a16="http://schemas.microsoft.com/office/drawing/2014/main" id="{9C24EB15-A780-3A97-0329-29F97AE8A0A2}"/>
              </a:ext>
            </a:extLst>
          </p:cNvPr>
          <p:cNvSpPr txBox="1"/>
          <p:nvPr/>
        </p:nvSpPr>
        <p:spPr>
          <a:xfrm>
            <a:off x="4644091" y="3308714"/>
            <a:ext cx="2975707" cy="310833"/>
          </a:xfrm>
          <a:prstGeom prst="rect">
            <a:avLst/>
          </a:prstGeom>
          <a:noFill/>
          <a:ln>
            <a:noFill/>
          </a:ln>
          <a:effectLst/>
        </p:spPr>
        <p:style>
          <a:lnRef idx="1">
            <a:schemeClr val="accent1"/>
          </a:lnRef>
          <a:fillRef idx="3">
            <a:schemeClr val="accent1"/>
          </a:fillRef>
          <a:effectRef idx="2">
            <a:schemeClr val="accent1"/>
          </a:effectRef>
          <a:fontRef idx="minor">
            <a:schemeClr val="lt1"/>
          </a:fontRef>
        </p:style>
        <p:txBody>
          <a:bodyPr wrap="square" lIns="90357" tIns="45171" rIns="90357" bIns="45171" anchor="ctr">
            <a:noAutofit/>
          </a:bodyPr>
          <a:lstStyle/>
          <a:p>
            <a:pPr lvl="0" algn="ctr">
              <a:defRPr/>
            </a:pPr>
            <a:r>
              <a:rPr lang="en-US" sz="1400" dirty="0">
                <a:solidFill>
                  <a:schemeClr val="bg1"/>
                </a:solidFill>
                <a:latin typeface="Roboto SemiBold" panose="02000000000000000000" pitchFamily="2" charset="0"/>
                <a:ea typeface="Roboto SemiBold" panose="02000000000000000000" pitchFamily="2" charset="0"/>
                <a:cs typeface="Roboto" panose="02000000000000000000" pitchFamily="2" charset="0"/>
              </a:rPr>
              <a:t>DIGITAL/WEB CONTENT TOOLS</a:t>
            </a:r>
          </a:p>
        </p:txBody>
      </p:sp>
      <p:sp>
        <p:nvSpPr>
          <p:cNvPr id="1042" name="TextBox 1041">
            <a:extLst>
              <a:ext uri="{FF2B5EF4-FFF2-40B4-BE49-F238E27FC236}">
                <a16:creationId xmlns:a16="http://schemas.microsoft.com/office/drawing/2014/main" id="{74DD96E6-88E2-5E68-0337-211468478CAD}"/>
              </a:ext>
            </a:extLst>
          </p:cNvPr>
          <p:cNvSpPr txBox="1"/>
          <p:nvPr/>
        </p:nvSpPr>
        <p:spPr>
          <a:xfrm>
            <a:off x="8818169" y="3308714"/>
            <a:ext cx="2292091" cy="310833"/>
          </a:xfrm>
          <a:prstGeom prst="rect">
            <a:avLst/>
          </a:prstGeom>
          <a:noFill/>
          <a:ln>
            <a:noFill/>
          </a:ln>
          <a:effectLst/>
        </p:spPr>
        <p:style>
          <a:lnRef idx="1">
            <a:schemeClr val="accent1"/>
          </a:lnRef>
          <a:fillRef idx="3">
            <a:schemeClr val="accent1"/>
          </a:fillRef>
          <a:effectRef idx="2">
            <a:schemeClr val="accent1"/>
          </a:effectRef>
          <a:fontRef idx="minor">
            <a:schemeClr val="lt1"/>
          </a:fontRef>
        </p:style>
        <p:txBody>
          <a:bodyPr wrap="square" lIns="90357" tIns="45171" rIns="90357" bIns="45171" anchor="ctr">
            <a:noAutofit/>
          </a:bodyPr>
          <a:lstStyle/>
          <a:p>
            <a:pPr lvl="0" algn="ctr">
              <a:defRPr/>
            </a:pPr>
            <a:r>
              <a:rPr lang="en-US" sz="1400" dirty="0">
                <a:solidFill>
                  <a:prstClr val="white"/>
                </a:solidFill>
                <a:latin typeface="Roboto SemiBold" panose="02000000000000000000" pitchFamily="2" charset="0"/>
                <a:ea typeface="Roboto SemiBold" panose="02000000000000000000" pitchFamily="2" charset="0"/>
                <a:cs typeface="Roboto" panose="02000000000000000000" pitchFamily="2" charset="0"/>
              </a:rPr>
              <a:t>MOBILE/AR &amp; VR TOOLS</a:t>
            </a:r>
          </a:p>
        </p:txBody>
      </p:sp>
      <p:pic>
        <p:nvPicPr>
          <p:cNvPr id="1047" name="Picture 17" descr="D:\02_Project\2013\Tools_presentation\05_images\resize\HTML5_Logo_256.png">
            <a:extLst>
              <a:ext uri="{FF2B5EF4-FFF2-40B4-BE49-F238E27FC236}">
                <a16:creationId xmlns:a16="http://schemas.microsoft.com/office/drawing/2014/main" id="{EF451F3B-582B-F31A-FC69-AFECAA0226C8}"/>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a:fillRect/>
          </a:stretch>
        </p:blipFill>
        <p:spPr bwMode="auto">
          <a:xfrm>
            <a:off x="8760500" y="3914512"/>
            <a:ext cx="327935" cy="404967"/>
          </a:xfrm>
          <a:prstGeom prst="rect">
            <a:avLst/>
          </a:prstGeom>
          <a:noFill/>
          <a:ln w="9525">
            <a:noFill/>
            <a:miter lim="800000"/>
            <a:headEnd/>
            <a:tailEnd/>
          </a:ln>
        </p:spPr>
      </p:pic>
      <p:pic>
        <p:nvPicPr>
          <p:cNvPr id="1048" name="Picture 18" descr="D:\02_Project\2013\Tools_presentation\05_images\resize\jquery-logo1.png">
            <a:extLst>
              <a:ext uri="{FF2B5EF4-FFF2-40B4-BE49-F238E27FC236}">
                <a16:creationId xmlns:a16="http://schemas.microsoft.com/office/drawing/2014/main" id="{92DDE09A-1A0B-4EF1-7DE6-5661A85FDFF9}"/>
              </a:ext>
            </a:extLst>
          </p:cNvPr>
          <p:cNvPicPr>
            <a:picLocks noChangeAspect="1" noChangeArrowheads="1"/>
          </p:cNvPicPr>
          <p:nvPr/>
        </p:nvPicPr>
        <p:blipFill>
          <a:blip r:embed="rId5" cstate="print">
            <a:extLst>
              <a:ext uri="{28A0092B-C50C-407E-A947-70E740481C1C}">
                <a14:useLocalDpi xmlns:a14="http://schemas.microsoft.com/office/drawing/2010/main"/>
              </a:ext>
            </a:extLst>
          </a:blip>
          <a:srcRect/>
          <a:stretch>
            <a:fillRect/>
          </a:stretch>
        </p:blipFill>
        <p:spPr bwMode="auto">
          <a:xfrm>
            <a:off x="9608719" y="5721306"/>
            <a:ext cx="768189" cy="186359"/>
          </a:xfrm>
          <a:prstGeom prst="rect">
            <a:avLst/>
          </a:prstGeom>
          <a:noFill/>
          <a:ln w="9525">
            <a:noFill/>
            <a:miter lim="800000"/>
            <a:headEnd/>
            <a:tailEnd/>
          </a:ln>
        </p:spPr>
      </p:pic>
      <p:pic>
        <p:nvPicPr>
          <p:cNvPr id="1049" name="Picture 12" descr="D:\02_Project\2013\Tools_presentation\05_images\resize\CSS3.png">
            <a:extLst>
              <a:ext uri="{FF2B5EF4-FFF2-40B4-BE49-F238E27FC236}">
                <a16:creationId xmlns:a16="http://schemas.microsoft.com/office/drawing/2014/main" id="{728510AE-3A2B-9DB9-4BA5-258F92ED813E}"/>
              </a:ext>
            </a:extLst>
          </p:cNvPr>
          <p:cNvPicPr>
            <a:picLocks noChangeAspect="1" noChangeArrowheads="1"/>
          </p:cNvPicPr>
          <p:nvPr/>
        </p:nvPicPr>
        <p:blipFill>
          <a:blip r:embed="rId6" cstate="screen">
            <a:extLst>
              <a:ext uri="{28A0092B-C50C-407E-A947-70E740481C1C}">
                <a14:useLocalDpi xmlns:a14="http://schemas.microsoft.com/office/drawing/2010/main"/>
              </a:ext>
            </a:extLst>
          </a:blip>
          <a:srcRect/>
          <a:stretch>
            <a:fillRect/>
          </a:stretch>
        </p:blipFill>
        <p:spPr bwMode="auto">
          <a:xfrm>
            <a:off x="9793135" y="3902285"/>
            <a:ext cx="292056" cy="404788"/>
          </a:xfrm>
          <a:prstGeom prst="rect">
            <a:avLst/>
          </a:prstGeom>
          <a:noFill/>
          <a:ln w="9525">
            <a:noFill/>
            <a:miter lim="800000"/>
            <a:headEnd/>
            <a:tailEnd/>
          </a:ln>
        </p:spPr>
      </p:pic>
      <p:grpSp>
        <p:nvGrpSpPr>
          <p:cNvPr id="1050" name="Graphic 7">
            <a:extLst>
              <a:ext uri="{FF2B5EF4-FFF2-40B4-BE49-F238E27FC236}">
                <a16:creationId xmlns:a16="http://schemas.microsoft.com/office/drawing/2014/main" id="{65222434-D479-7616-8659-82CD9EFD0DFB}"/>
              </a:ext>
            </a:extLst>
          </p:cNvPr>
          <p:cNvGrpSpPr/>
          <p:nvPr/>
        </p:nvGrpSpPr>
        <p:grpSpPr>
          <a:xfrm>
            <a:off x="10768793" y="3914512"/>
            <a:ext cx="387492" cy="404967"/>
            <a:chOff x="5209222" y="2524125"/>
            <a:chExt cx="1773555" cy="1905000"/>
          </a:xfrm>
        </p:grpSpPr>
        <p:sp>
          <p:nvSpPr>
            <p:cNvPr id="1080" name="Freeform: Shape 1079">
              <a:extLst>
                <a:ext uri="{FF2B5EF4-FFF2-40B4-BE49-F238E27FC236}">
                  <a16:creationId xmlns:a16="http://schemas.microsoft.com/office/drawing/2014/main" id="{150D9007-87FE-580C-C9C6-915F71915BB8}"/>
                </a:ext>
              </a:extLst>
            </p:cNvPr>
            <p:cNvSpPr/>
            <p:nvPr/>
          </p:nvSpPr>
          <p:spPr>
            <a:xfrm>
              <a:off x="5209222" y="2524125"/>
              <a:ext cx="1773555" cy="1905000"/>
            </a:xfrm>
            <a:custGeom>
              <a:avLst/>
              <a:gdLst>
                <a:gd name="connsiteX0" fmla="*/ 886778 w 1773555"/>
                <a:gd name="connsiteY0" fmla="*/ 0 h 1905000"/>
                <a:gd name="connsiteX1" fmla="*/ 886778 w 1773555"/>
                <a:gd name="connsiteY1" fmla="*/ 0 h 1905000"/>
                <a:gd name="connsiteX2" fmla="*/ 886778 w 1773555"/>
                <a:gd name="connsiteY2" fmla="*/ 0 h 1905000"/>
                <a:gd name="connsiteX3" fmla="*/ 0 w 1773555"/>
                <a:gd name="connsiteY3" fmla="*/ 316230 h 1905000"/>
                <a:gd name="connsiteX4" fmla="*/ 135255 w 1773555"/>
                <a:gd name="connsiteY4" fmla="*/ 1488758 h 1905000"/>
                <a:gd name="connsiteX5" fmla="*/ 886778 w 1773555"/>
                <a:gd name="connsiteY5" fmla="*/ 1905000 h 1905000"/>
                <a:gd name="connsiteX6" fmla="*/ 886778 w 1773555"/>
                <a:gd name="connsiteY6" fmla="*/ 1905000 h 1905000"/>
                <a:gd name="connsiteX7" fmla="*/ 886778 w 1773555"/>
                <a:gd name="connsiteY7" fmla="*/ 1905000 h 1905000"/>
                <a:gd name="connsiteX8" fmla="*/ 1638300 w 1773555"/>
                <a:gd name="connsiteY8" fmla="*/ 1488758 h 1905000"/>
                <a:gd name="connsiteX9" fmla="*/ 1773555 w 1773555"/>
                <a:gd name="connsiteY9" fmla="*/ 316230 h 1905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773555" h="1905000">
                  <a:moveTo>
                    <a:pt x="886778" y="0"/>
                  </a:moveTo>
                  <a:lnTo>
                    <a:pt x="886778" y="0"/>
                  </a:lnTo>
                  <a:lnTo>
                    <a:pt x="886778" y="0"/>
                  </a:lnTo>
                  <a:lnTo>
                    <a:pt x="0" y="316230"/>
                  </a:lnTo>
                  <a:lnTo>
                    <a:pt x="135255" y="1488758"/>
                  </a:lnTo>
                  <a:lnTo>
                    <a:pt x="886778" y="1905000"/>
                  </a:lnTo>
                  <a:lnTo>
                    <a:pt x="886778" y="1905000"/>
                  </a:lnTo>
                  <a:lnTo>
                    <a:pt x="886778" y="1905000"/>
                  </a:lnTo>
                  <a:lnTo>
                    <a:pt x="1638300" y="1488758"/>
                  </a:lnTo>
                  <a:lnTo>
                    <a:pt x="1773555" y="316230"/>
                  </a:lnTo>
                  <a:close/>
                </a:path>
              </a:pathLst>
            </a:custGeom>
            <a:solidFill>
              <a:srgbClr val="DD003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81" name="Freeform: Shape 1080">
              <a:extLst>
                <a:ext uri="{FF2B5EF4-FFF2-40B4-BE49-F238E27FC236}">
                  <a16:creationId xmlns:a16="http://schemas.microsoft.com/office/drawing/2014/main" id="{B07B2D0B-2237-7EB9-AA1F-7619E2D67607}"/>
                </a:ext>
              </a:extLst>
            </p:cNvPr>
            <p:cNvSpPr/>
            <p:nvPr/>
          </p:nvSpPr>
          <p:spPr>
            <a:xfrm>
              <a:off x="6096000" y="2524125"/>
              <a:ext cx="886777" cy="1905000"/>
            </a:xfrm>
            <a:custGeom>
              <a:avLst/>
              <a:gdLst>
                <a:gd name="connsiteX0" fmla="*/ 0 w 886777"/>
                <a:gd name="connsiteY0" fmla="*/ 0 h 1905000"/>
                <a:gd name="connsiteX1" fmla="*/ 0 w 886777"/>
                <a:gd name="connsiteY1" fmla="*/ 211455 h 1905000"/>
                <a:gd name="connsiteX2" fmla="*/ 0 w 886777"/>
                <a:gd name="connsiteY2" fmla="*/ 210502 h 1905000"/>
                <a:gd name="connsiteX3" fmla="*/ 0 w 886777"/>
                <a:gd name="connsiteY3" fmla="*/ 1175385 h 1905000"/>
                <a:gd name="connsiteX4" fmla="*/ 0 w 886777"/>
                <a:gd name="connsiteY4" fmla="*/ 1175385 h 1905000"/>
                <a:gd name="connsiteX5" fmla="*/ 0 w 886777"/>
                <a:gd name="connsiteY5" fmla="*/ 1905000 h 1905000"/>
                <a:gd name="connsiteX6" fmla="*/ 0 w 886777"/>
                <a:gd name="connsiteY6" fmla="*/ 1905000 h 1905000"/>
                <a:gd name="connsiteX7" fmla="*/ 751522 w 886777"/>
                <a:gd name="connsiteY7" fmla="*/ 1488758 h 1905000"/>
                <a:gd name="connsiteX8" fmla="*/ 886778 w 886777"/>
                <a:gd name="connsiteY8" fmla="*/ 316230 h 1905000"/>
                <a:gd name="connsiteX9" fmla="*/ 0 w 886777"/>
                <a:gd name="connsiteY9" fmla="*/ 0 h 1905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886777" h="1905000">
                  <a:moveTo>
                    <a:pt x="0" y="0"/>
                  </a:moveTo>
                  <a:lnTo>
                    <a:pt x="0" y="211455"/>
                  </a:lnTo>
                  <a:lnTo>
                    <a:pt x="0" y="210502"/>
                  </a:lnTo>
                  <a:lnTo>
                    <a:pt x="0" y="1175385"/>
                  </a:lnTo>
                  <a:lnTo>
                    <a:pt x="0" y="1175385"/>
                  </a:lnTo>
                  <a:lnTo>
                    <a:pt x="0" y="1905000"/>
                  </a:lnTo>
                  <a:lnTo>
                    <a:pt x="0" y="1905000"/>
                  </a:lnTo>
                  <a:lnTo>
                    <a:pt x="751522" y="1488758"/>
                  </a:lnTo>
                  <a:lnTo>
                    <a:pt x="886778" y="316230"/>
                  </a:lnTo>
                  <a:lnTo>
                    <a:pt x="0" y="0"/>
                  </a:lnTo>
                  <a:close/>
                </a:path>
              </a:pathLst>
            </a:custGeom>
            <a:solidFill>
              <a:srgbClr val="C3002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82" name="Freeform: Shape 1081">
              <a:extLst>
                <a:ext uri="{FF2B5EF4-FFF2-40B4-BE49-F238E27FC236}">
                  <a16:creationId xmlns:a16="http://schemas.microsoft.com/office/drawing/2014/main" id="{91A0F168-F977-695C-E9D7-E9AED5F98943}"/>
                </a:ext>
              </a:extLst>
            </p:cNvPr>
            <p:cNvSpPr/>
            <p:nvPr/>
          </p:nvSpPr>
          <p:spPr>
            <a:xfrm>
              <a:off x="5541645" y="2734627"/>
              <a:ext cx="1106804" cy="1243012"/>
            </a:xfrm>
            <a:custGeom>
              <a:avLst/>
              <a:gdLst>
                <a:gd name="connsiteX0" fmla="*/ 554355 w 1106804"/>
                <a:gd name="connsiteY0" fmla="*/ 0 h 1243012"/>
                <a:gd name="connsiteX1" fmla="*/ 0 w 1106804"/>
                <a:gd name="connsiteY1" fmla="*/ 1243013 h 1243012"/>
                <a:gd name="connsiteX2" fmla="*/ 0 w 1106804"/>
                <a:gd name="connsiteY2" fmla="*/ 1243013 h 1243012"/>
                <a:gd name="connsiteX3" fmla="*/ 206692 w 1106804"/>
                <a:gd name="connsiteY3" fmla="*/ 1243013 h 1243012"/>
                <a:gd name="connsiteX4" fmla="*/ 206692 w 1106804"/>
                <a:gd name="connsiteY4" fmla="*/ 1243013 h 1243012"/>
                <a:gd name="connsiteX5" fmla="*/ 318135 w 1106804"/>
                <a:gd name="connsiteY5" fmla="*/ 964882 h 1243012"/>
                <a:gd name="connsiteX6" fmla="*/ 788670 w 1106804"/>
                <a:gd name="connsiteY6" fmla="*/ 964882 h 1243012"/>
                <a:gd name="connsiteX7" fmla="*/ 900113 w 1106804"/>
                <a:gd name="connsiteY7" fmla="*/ 1243013 h 1243012"/>
                <a:gd name="connsiteX8" fmla="*/ 900113 w 1106804"/>
                <a:gd name="connsiteY8" fmla="*/ 1243013 h 1243012"/>
                <a:gd name="connsiteX9" fmla="*/ 1106805 w 1106804"/>
                <a:gd name="connsiteY9" fmla="*/ 1243013 h 1243012"/>
                <a:gd name="connsiteX10" fmla="*/ 1106805 w 1106804"/>
                <a:gd name="connsiteY10" fmla="*/ 1243013 h 1243012"/>
                <a:gd name="connsiteX11" fmla="*/ 554355 w 1106804"/>
                <a:gd name="connsiteY11" fmla="*/ 0 h 1243012"/>
                <a:gd name="connsiteX12" fmla="*/ 554355 w 1106804"/>
                <a:gd name="connsiteY12" fmla="*/ 0 h 1243012"/>
                <a:gd name="connsiteX13" fmla="*/ 554355 w 1106804"/>
                <a:gd name="connsiteY13" fmla="*/ 0 h 1243012"/>
                <a:gd name="connsiteX14" fmla="*/ 554355 w 1106804"/>
                <a:gd name="connsiteY14" fmla="*/ 0 h 1243012"/>
                <a:gd name="connsiteX15" fmla="*/ 554355 w 1106804"/>
                <a:gd name="connsiteY15" fmla="*/ 0 h 1243012"/>
                <a:gd name="connsiteX16" fmla="*/ 716280 w 1106804"/>
                <a:gd name="connsiteY16" fmla="*/ 793432 h 1243012"/>
                <a:gd name="connsiteX17" fmla="*/ 392430 w 1106804"/>
                <a:gd name="connsiteY17" fmla="*/ 793432 h 1243012"/>
                <a:gd name="connsiteX18" fmla="*/ 554355 w 1106804"/>
                <a:gd name="connsiteY18" fmla="*/ 403860 h 1243012"/>
                <a:gd name="connsiteX19" fmla="*/ 716280 w 1106804"/>
                <a:gd name="connsiteY19" fmla="*/ 793432 h 12430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1106804" h="1243012">
                  <a:moveTo>
                    <a:pt x="554355" y="0"/>
                  </a:moveTo>
                  <a:lnTo>
                    <a:pt x="0" y="1243013"/>
                  </a:lnTo>
                  <a:lnTo>
                    <a:pt x="0" y="1243013"/>
                  </a:lnTo>
                  <a:lnTo>
                    <a:pt x="206692" y="1243013"/>
                  </a:lnTo>
                  <a:lnTo>
                    <a:pt x="206692" y="1243013"/>
                  </a:lnTo>
                  <a:lnTo>
                    <a:pt x="318135" y="964882"/>
                  </a:lnTo>
                  <a:lnTo>
                    <a:pt x="788670" y="964882"/>
                  </a:lnTo>
                  <a:lnTo>
                    <a:pt x="900113" y="1243013"/>
                  </a:lnTo>
                  <a:lnTo>
                    <a:pt x="900113" y="1243013"/>
                  </a:lnTo>
                  <a:lnTo>
                    <a:pt x="1106805" y="1243013"/>
                  </a:lnTo>
                  <a:lnTo>
                    <a:pt x="1106805" y="1243013"/>
                  </a:lnTo>
                  <a:lnTo>
                    <a:pt x="554355" y="0"/>
                  </a:lnTo>
                  <a:lnTo>
                    <a:pt x="554355" y="0"/>
                  </a:lnTo>
                  <a:lnTo>
                    <a:pt x="554355" y="0"/>
                  </a:lnTo>
                  <a:lnTo>
                    <a:pt x="554355" y="0"/>
                  </a:lnTo>
                  <a:lnTo>
                    <a:pt x="554355" y="0"/>
                  </a:lnTo>
                  <a:close/>
                  <a:moveTo>
                    <a:pt x="716280" y="793432"/>
                  </a:moveTo>
                  <a:lnTo>
                    <a:pt x="392430" y="793432"/>
                  </a:lnTo>
                  <a:lnTo>
                    <a:pt x="554355" y="403860"/>
                  </a:lnTo>
                  <a:lnTo>
                    <a:pt x="716280" y="793432"/>
                  </a:lnTo>
                  <a:close/>
                </a:path>
              </a:pathLst>
            </a:custGeom>
            <a:solidFill>
              <a:srgbClr val="FFFFFF"/>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grpSp>
      <p:grpSp>
        <p:nvGrpSpPr>
          <p:cNvPr id="1051" name="Group 1050">
            <a:extLst>
              <a:ext uri="{FF2B5EF4-FFF2-40B4-BE49-F238E27FC236}">
                <a16:creationId xmlns:a16="http://schemas.microsoft.com/office/drawing/2014/main" id="{EAEF529C-E9CF-2F6A-B9AC-24336643C189}"/>
              </a:ext>
            </a:extLst>
          </p:cNvPr>
          <p:cNvGrpSpPr/>
          <p:nvPr/>
        </p:nvGrpSpPr>
        <p:grpSpPr>
          <a:xfrm>
            <a:off x="10631831" y="4588055"/>
            <a:ext cx="755930" cy="306770"/>
            <a:chOff x="3945501" y="4551256"/>
            <a:chExt cx="5561933" cy="2108930"/>
          </a:xfrm>
        </p:grpSpPr>
        <p:grpSp>
          <p:nvGrpSpPr>
            <p:cNvPr id="1072" name="Group 1071">
              <a:extLst>
                <a:ext uri="{FF2B5EF4-FFF2-40B4-BE49-F238E27FC236}">
                  <a16:creationId xmlns:a16="http://schemas.microsoft.com/office/drawing/2014/main" id="{A4C0664E-B851-7D24-DC59-4CEB2BA5D036}"/>
                </a:ext>
              </a:extLst>
            </p:cNvPr>
            <p:cNvGrpSpPr/>
            <p:nvPr/>
          </p:nvGrpSpPr>
          <p:grpSpPr>
            <a:xfrm>
              <a:off x="5558975" y="5170376"/>
              <a:ext cx="3948459" cy="873139"/>
              <a:chOff x="5558975" y="5170376"/>
              <a:chExt cx="3948459" cy="873139"/>
            </a:xfrm>
          </p:grpSpPr>
          <p:sp>
            <p:nvSpPr>
              <p:cNvPr id="1074" name="Freeform: Shape 1073">
                <a:extLst>
                  <a:ext uri="{FF2B5EF4-FFF2-40B4-BE49-F238E27FC236}">
                    <a16:creationId xmlns:a16="http://schemas.microsoft.com/office/drawing/2014/main" id="{5526876C-319C-43C5-106A-4DF5D0F65804}"/>
                  </a:ext>
                </a:extLst>
              </p:cNvPr>
              <p:cNvSpPr/>
              <p:nvPr/>
            </p:nvSpPr>
            <p:spPr>
              <a:xfrm>
                <a:off x="5558975" y="5170376"/>
                <a:ext cx="702252" cy="873139"/>
              </a:xfrm>
              <a:custGeom>
                <a:avLst/>
                <a:gdLst>
                  <a:gd name="connsiteX0" fmla="*/ 192275 w 702252"/>
                  <a:gd name="connsiteY0" fmla="*/ 648562 h 873139"/>
                  <a:gd name="connsiteX1" fmla="*/ 232661 w 702252"/>
                  <a:gd name="connsiteY1" fmla="*/ 696187 h 873139"/>
                  <a:gd name="connsiteX2" fmla="*/ 291621 w 702252"/>
                  <a:gd name="connsiteY2" fmla="*/ 723047 h 873139"/>
                  <a:gd name="connsiteX3" fmla="*/ 361820 w 702252"/>
                  <a:gd name="connsiteY3" fmla="*/ 731810 h 873139"/>
                  <a:gd name="connsiteX4" fmla="*/ 414398 w 702252"/>
                  <a:gd name="connsiteY4" fmla="*/ 727714 h 873139"/>
                  <a:gd name="connsiteX5" fmla="*/ 467071 w 702252"/>
                  <a:gd name="connsiteY5" fmla="*/ 711903 h 873139"/>
                  <a:gd name="connsiteX6" fmla="*/ 508029 w 702252"/>
                  <a:gd name="connsiteY6" fmla="*/ 679804 h 873139"/>
                  <a:gd name="connsiteX7" fmla="*/ 524317 w 702252"/>
                  <a:gd name="connsiteY7" fmla="*/ 627702 h 873139"/>
                  <a:gd name="connsiteX8" fmla="*/ 502695 w 702252"/>
                  <a:gd name="connsiteY8" fmla="*/ 572743 h 873139"/>
                  <a:gd name="connsiteX9" fmla="*/ 446021 w 702252"/>
                  <a:gd name="connsiteY9" fmla="*/ 537691 h 873139"/>
                  <a:gd name="connsiteX10" fmla="*/ 366487 w 702252"/>
                  <a:gd name="connsiteY10" fmla="*/ 513116 h 873139"/>
                  <a:gd name="connsiteX11" fmla="*/ 276476 w 702252"/>
                  <a:gd name="connsiteY11" fmla="*/ 489780 h 873139"/>
                  <a:gd name="connsiteX12" fmla="*/ 185227 w 702252"/>
                  <a:gd name="connsiteY12" fmla="*/ 461205 h 873139"/>
                  <a:gd name="connsiteX13" fmla="*/ 105788 w 702252"/>
                  <a:gd name="connsiteY13" fmla="*/ 417390 h 873139"/>
                  <a:gd name="connsiteX14" fmla="*/ 27016 w 702252"/>
                  <a:gd name="connsiteY14" fmla="*/ 252512 h 873139"/>
                  <a:gd name="connsiteX15" fmla="*/ 54734 w 702252"/>
                  <a:gd name="connsiteY15" fmla="*/ 140498 h 873139"/>
                  <a:gd name="connsiteX16" fmla="*/ 126648 w 702252"/>
                  <a:gd name="connsiteY16" fmla="*/ 61631 h 873139"/>
                  <a:gd name="connsiteX17" fmla="*/ 227137 w 702252"/>
                  <a:gd name="connsiteY17" fmla="*/ 14863 h 873139"/>
                  <a:gd name="connsiteX18" fmla="*/ 339627 w 702252"/>
                  <a:gd name="connsiteY18" fmla="*/ 4 h 873139"/>
                  <a:gd name="connsiteX19" fmla="*/ 465262 w 702252"/>
                  <a:gd name="connsiteY19" fmla="*/ 14673 h 873139"/>
                  <a:gd name="connsiteX20" fmla="*/ 572323 w 702252"/>
                  <a:gd name="connsiteY20" fmla="*/ 62298 h 873139"/>
                  <a:gd name="connsiteX21" fmla="*/ 646522 w 702252"/>
                  <a:gd name="connsiteY21" fmla="*/ 145927 h 873139"/>
                  <a:gd name="connsiteX22" fmla="*/ 673859 w 702252"/>
                  <a:gd name="connsiteY22" fmla="*/ 268705 h 873139"/>
                  <a:gd name="connsiteX23" fmla="*/ 496313 w 702252"/>
                  <a:gd name="connsiteY23" fmla="*/ 268705 h 873139"/>
                  <a:gd name="connsiteX24" fmla="*/ 480502 w 702252"/>
                  <a:gd name="connsiteY24" fmla="*/ 206697 h 873139"/>
                  <a:gd name="connsiteX25" fmla="*/ 444878 w 702252"/>
                  <a:gd name="connsiteY25" fmla="*/ 168597 h 873139"/>
                  <a:gd name="connsiteX26" fmla="*/ 394015 w 702252"/>
                  <a:gd name="connsiteY26" fmla="*/ 148690 h 873139"/>
                  <a:gd name="connsiteX27" fmla="*/ 331435 w 702252"/>
                  <a:gd name="connsiteY27" fmla="*/ 142879 h 873139"/>
                  <a:gd name="connsiteX28" fmla="*/ 286954 w 702252"/>
                  <a:gd name="connsiteY28" fmla="*/ 147547 h 873139"/>
                  <a:gd name="connsiteX29" fmla="*/ 246663 w 702252"/>
                  <a:gd name="connsiteY29" fmla="*/ 163930 h 873139"/>
                  <a:gd name="connsiteX30" fmla="*/ 216659 w 702252"/>
                  <a:gd name="connsiteY30" fmla="*/ 192505 h 873139"/>
                  <a:gd name="connsiteX31" fmla="*/ 204943 w 702252"/>
                  <a:gd name="connsiteY31" fmla="*/ 236891 h 873139"/>
                  <a:gd name="connsiteX32" fmla="*/ 214468 w 702252"/>
                  <a:gd name="connsiteY32" fmla="*/ 276706 h 873139"/>
                  <a:gd name="connsiteX33" fmla="*/ 251330 w 702252"/>
                  <a:gd name="connsiteY33" fmla="*/ 304804 h 873139"/>
                  <a:gd name="connsiteX34" fmla="*/ 327530 w 702252"/>
                  <a:gd name="connsiteY34" fmla="*/ 330522 h 873139"/>
                  <a:gd name="connsiteX35" fmla="*/ 454403 w 702252"/>
                  <a:gd name="connsiteY35" fmla="*/ 363288 h 873139"/>
                  <a:gd name="connsiteX36" fmla="*/ 519268 w 702252"/>
                  <a:gd name="connsiteY36" fmla="*/ 380242 h 873139"/>
                  <a:gd name="connsiteX37" fmla="*/ 601755 w 702252"/>
                  <a:gd name="connsiteY37" fmla="*/ 419390 h 873139"/>
                  <a:gd name="connsiteX38" fmla="*/ 672430 w 702252"/>
                  <a:gd name="connsiteY38" fmla="*/ 491304 h 873139"/>
                  <a:gd name="connsiteX39" fmla="*/ 702244 w 702252"/>
                  <a:gd name="connsiteY39" fmla="*/ 606461 h 873139"/>
                  <a:gd name="connsiteX40" fmla="*/ 680050 w 702252"/>
                  <a:gd name="connsiteY40" fmla="*/ 712951 h 873139"/>
                  <a:gd name="connsiteX41" fmla="*/ 614042 w 702252"/>
                  <a:gd name="connsiteY41" fmla="*/ 797723 h 873139"/>
                  <a:gd name="connsiteX42" fmla="*/ 505267 w 702252"/>
                  <a:gd name="connsiteY42" fmla="*/ 853254 h 873139"/>
                  <a:gd name="connsiteX43" fmla="*/ 354962 w 702252"/>
                  <a:gd name="connsiteY43" fmla="*/ 873066 h 873139"/>
                  <a:gd name="connsiteX44" fmla="*/ 221612 w 702252"/>
                  <a:gd name="connsiteY44" fmla="*/ 856112 h 873139"/>
                  <a:gd name="connsiteX45" fmla="*/ 107312 w 702252"/>
                  <a:gd name="connsiteY45" fmla="*/ 802962 h 873139"/>
                  <a:gd name="connsiteX46" fmla="*/ 28350 w 702252"/>
                  <a:gd name="connsiteY46" fmla="*/ 710570 h 873139"/>
                  <a:gd name="connsiteX47" fmla="*/ 251 w 702252"/>
                  <a:gd name="connsiteY47" fmla="*/ 577219 h 873139"/>
                  <a:gd name="connsiteX48" fmla="*/ 177226 w 702252"/>
                  <a:gd name="connsiteY48" fmla="*/ 577219 h 873139"/>
                  <a:gd name="connsiteX49" fmla="*/ 192275 w 702252"/>
                  <a:gd name="connsiteY49" fmla="*/ 648562 h 8731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Lst>
                <a:rect l="l" t="t" r="r" b="b"/>
                <a:pathLst>
                  <a:path w="702252" h="873139">
                    <a:moveTo>
                      <a:pt x="192275" y="648562"/>
                    </a:moveTo>
                    <a:cubicBezTo>
                      <a:pt x="201733" y="667440"/>
                      <a:pt x="215583" y="683776"/>
                      <a:pt x="232661" y="696187"/>
                    </a:cubicBezTo>
                    <a:cubicBezTo>
                      <a:pt x="250454" y="708769"/>
                      <a:pt x="270456" y="717875"/>
                      <a:pt x="291621" y="723047"/>
                    </a:cubicBezTo>
                    <a:cubicBezTo>
                      <a:pt x="314557" y="728915"/>
                      <a:pt x="338141" y="731858"/>
                      <a:pt x="361820" y="731810"/>
                    </a:cubicBezTo>
                    <a:cubicBezTo>
                      <a:pt x="379422" y="731734"/>
                      <a:pt x="396996" y="730362"/>
                      <a:pt x="414398" y="727714"/>
                    </a:cubicBezTo>
                    <a:cubicBezTo>
                      <a:pt x="432658" y="725143"/>
                      <a:pt x="450412" y="719809"/>
                      <a:pt x="467071" y="711903"/>
                    </a:cubicBezTo>
                    <a:cubicBezTo>
                      <a:pt x="482997" y="704474"/>
                      <a:pt x="497008" y="693491"/>
                      <a:pt x="508029" y="679804"/>
                    </a:cubicBezTo>
                    <a:cubicBezTo>
                      <a:pt x="519345" y="664859"/>
                      <a:pt x="525107" y="646438"/>
                      <a:pt x="524317" y="627702"/>
                    </a:cubicBezTo>
                    <a:cubicBezTo>
                      <a:pt x="525155" y="607157"/>
                      <a:pt x="517306" y="587211"/>
                      <a:pt x="502695" y="572743"/>
                    </a:cubicBezTo>
                    <a:cubicBezTo>
                      <a:pt x="486255" y="557493"/>
                      <a:pt x="467005" y="545587"/>
                      <a:pt x="446021" y="537691"/>
                    </a:cubicBezTo>
                    <a:cubicBezTo>
                      <a:pt x="420132" y="527604"/>
                      <a:pt x="393548" y="519393"/>
                      <a:pt x="366487" y="513116"/>
                    </a:cubicBezTo>
                    <a:cubicBezTo>
                      <a:pt x="336836" y="506192"/>
                      <a:pt x="306832" y="498419"/>
                      <a:pt x="276476" y="489780"/>
                    </a:cubicBezTo>
                    <a:cubicBezTo>
                      <a:pt x="245520" y="482074"/>
                      <a:pt x="215049" y="472530"/>
                      <a:pt x="185227" y="461205"/>
                    </a:cubicBezTo>
                    <a:cubicBezTo>
                      <a:pt x="156756" y="450537"/>
                      <a:pt x="129991" y="435783"/>
                      <a:pt x="105788" y="417390"/>
                    </a:cubicBezTo>
                    <a:cubicBezTo>
                      <a:pt x="53877" y="378842"/>
                      <a:pt x="24387" y="317117"/>
                      <a:pt x="27016" y="252512"/>
                    </a:cubicBezTo>
                    <a:cubicBezTo>
                      <a:pt x="26045" y="213365"/>
                      <a:pt x="35617" y="174675"/>
                      <a:pt x="54734" y="140498"/>
                    </a:cubicBezTo>
                    <a:cubicBezTo>
                      <a:pt x="72660" y="109276"/>
                      <a:pt x="97206" y="82358"/>
                      <a:pt x="126648" y="61631"/>
                    </a:cubicBezTo>
                    <a:cubicBezTo>
                      <a:pt x="157061" y="40122"/>
                      <a:pt x="191104" y="24278"/>
                      <a:pt x="227137" y="14863"/>
                    </a:cubicBezTo>
                    <a:cubicBezTo>
                      <a:pt x="263817" y="4978"/>
                      <a:pt x="301641" y="-18"/>
                      <a:pt x="339627" y="4"/>
                    </a:cubicBezTo>
                    <a:cubicBezTo>
                      <a:pt x="381946" y="-170"/>
                      <a:pt x="424123" y="4755"/>
                      <a:pt x="465262" y="14673"/>
                    </a:cubicBezTo>
                    <a:cubicBezTo>
                      <a:pt x="503619" y="23697"/>
                      <a:pt x="539938" y="39852"/>
                      <a:pt x="572323" y="62298"/>
                    </a:cubicBezTo>
                    <a:cubicBezTo>
                      <a:pt x="603298" y="83943"/>
                      <a:pt x="628720" y="112597"/>
                      <a:pt x="646522" y="145927"/>
                    </a:cubicBezTo>
                    <a:cubicBezTo>
                      <a:pt x="665687" y="183948"/>
                      <a:pt x="675078" y="226144"/>
                      <a:pt x="673859" y="268705"/>
                    </a:cubicBezTo>
                    <a:lnTo>
                      <a:pt x="496313" y="268705"/>
                    </a:lnTo>
                    <a:cubicBezTo>
                      <a:pt x="495627" y="247130"/>
                      <a:pt x="490227" y="225966"/>
                      <a:pt x="480502" y="206697"/>
                    </a:cubicBezTo>
                    <a:cubicBezTo>
                      <a:pt x="472100" y="191147"/>
                      <a:pt x="459832" y="178026"/>
                      <a:pt x="444878" y="168597"/>
                    </a:cubicBezTo>
                    <a:cubicBezTo>
                      <a:pt x="429257" y="158967"/>
                      <a:pt x="412026" y="152224"/>
                      <a:pt x="394015" y="148690"/>
                    </a:cubicBezTo>
                    <a:cubicBezTo>
                      <a:pt x="373402" y="144663"/>
                      <a:pt x="352438" y="142717"/>
                      <a:pt x="331435" y="142879"/>
                    </a:cubicBezTo>
                    <a:cubicBezTo>
                      <a:pt x="316481" y="142861"/>
                      <a:pt x="301574" y="144425"/>
                      <a:pt x="286954" y="147547"/>
                    </a:cubicBezTo>
                    <a:cubicBezTo>
                      <a:pt x="272628" y="150487"/>
                      <a:pt x="258969" y="156041"/>
                      <a:pt x="246663" y="163930"/>
                    </a:cubicBezTo>
                    <a:cubicBezTo>
                      <a:pt x="234785" y="171267"/>
                      <a:pt x="224565" y="180999"/>
                      <a:pt x="216659" y="192505"/>
                    </a:cubicBezTo>
                    <a:cubicBezTo>
                      <a:pt x="208372" y="205784"/>
                      <a:pt x="204286" y="221254"/>
                      <a:pt x="204943" y="236891"/>
                    </a:cubicBezTo>
                    <a:cubicBezTo>
                      <a:pt x="204429" y="250783"/>
                      <a:pt x="207725" y="264552"/>
                      <a:pt x="214468" y="276706"/>
                    </a:cubicBezTo>
                    <a:cubicBezTo>
                      <a:pt x="223889" y="289329"/>
                      <a:pt x="236662" y="299062"/>
                      <a:pt x="251330" y="304804"/>
                    </a:cubicBezTo>
                    <a:cubicBezTo>
                      <a:pt x="275943" y="315558"/>
                      <a:pt x="301432" y="324163"/>
                      <a:pt x="327530" y="330522"/>
                    </a:cubicBezTo>
                    <a:cubicBezTo>
                      <a:pt x="359791" y="339094"/>
                      <a:pt x="402082" y="350020"/>
                      <a:pt x="454403" y="363288"/>
                    </a:cubicBezTo>
                    <a:cubicBezTo>
                      <a:pt x="469929" y="366431"/>
                      <a:pt x="491646" y="372051"/>
                      <a:pt x="519268" y="380242"/>
                    </a:cubicBezTo>
                    <a:cubicBezTo>
                      <a:pt x="548529" y="389177"/>
                      <a:pt x="576323" y="402369"/>
                      <a:pt x="601755" y="419390"/>
                    </a:cubicBezTo>
                    <a:cubicBezTo>
                      <a:pt x="629968" y="438297"/>
                      <a:pt x="654019" y="462767"/>
                      <a:pt x="672430" y="491304"/>
                    </a:cubicBezTo>
                    <a:cubicBezTo>
                      <a:pt x="692309" y="521336"/>
                      <a:pt x="702244" y="559722"/>
                      <a:pt x="702244" y="606461"/>
                    </a:cubicBezTo>
                    <a:cubicBezTo>
                      <a:pt x="702548" y="643133"/>
                      <a:pt x="694976" y="679451"/>
                      <a:pt x="680050" y="712951"/>
                    </a:cubicBezTo>
                    <a:cubicBezTo>
                      <a:pt x="664991" y="745983"/>
                      <a:pt x="642379" y="775025"/>
                      <a:pt x="614042" y="797723"/>
                    </a:cubicBezTo>
                    <a:cubicBezTo>
                      <a:pt x="581695" y="823060"/>
                      <a:pt x="544757" y="841919"/>
                      <a:pt x="505267" y="853254"/>
                    </a:cubicBezTo>
                    <a:cubicBezTo>
                      <a:pt x="456422" y="867246"/>
                      <a:pt x="405768" y="873923"/>
                      <a:pt x="354962" y="873066"/>
                    </a:cubicBezTo>
                    <a:cubicBezTo>
                      <a:pt x="309975" y="873114"/>
                      <a:pt x="265160" y="867418"/>
                      <a:pt x="221612" y="856112"/>
                    </a:cubicBezTo>
                    <a:cubicBezTo>
                      <a:pt x="180483" y="845796"/>
                      <a:pt x="141697" y="827765"/>
                      <a:pt x="107312" y="802962"/>
                    </a:cubicBezTo>
                    <a:cubicBezTo>
                      <a:pt x="74137" y="778749"/>
                      <a:pt x="47095" y="747107"/>
                      <a:pt x="28350" y="710570"/>
                    </a:cubicBezTo>
                    <a:cubicBezTo>
                      <a:pt x="7947" y="669183"/>
                      <a:pt x="-1721" y="623321"/>
                      <a:pt x="251" y="577219"/>
                    </a:cubicBezTo>
                    <a:lnTo>
                      <a:pt x="177226" y="577219"/>
                    </a:lnTo>
                    <a:cubicBezTo>
                      <a:pt x="176454" y="601861"/>
                      <a:pt x="181617" y="626330"/>
                      <a:pt x="192275" y="648562"/>
                    </a:cubicBez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75" name="Freeform: Shape 1074">
                <a:extLst>
                  <a:ext uri="{FF2B5EF4-FFF2-40B4-BE49-F238E27FC236}">
                    <a16:creationId xmlns:a16="http://schemas.microsoft.com/office/drawing/2014/main" id="{28C3BD3C-DB11-C872-B34E-0018CF76245C}"/>
                  </a:ext>
                </a:extLst>
              </p:cNvPr>
              <p:cNvSpPr/>
              <p:nvPr/>
            </p:nvSpPr>
            <p:spPr>
              <a:xfrm>
                <a:off x="6300821" y="5403762"/>
                <a:ext cx="603301" cy="636287"/>
              </a:xfrm>
              <a:custGeom>
                <a:avLst/>
                <a:gdLst>
                  <a:gd name="connsiteX0" fmla="*/ 206904 w 603301"/>
                  <a:gd name="connsiteY0" fmla="*/ 476041 h 636287"/>
                  <a:gd name="connsiteX1" fmla="*/ 314536 w 603301"/>
                  <a:gd name="connsiteY1" fmla="*/ 512236 h 636287"/>
                  <a:gd name="connsiteX2" fmla="*/ 401024 w 603301"/>
                  <a:gd name="connsiteY2" fmla="*/ 487090 h 636287"/>
                  <a:gd name="connsiteX3" fmla="*/ 445410 w 603301"/>
                  <a:gd name="connsiteY3" fmla="*/ 433940 h 636287"/>
                  <a:gd name="connsiteX4" fmla="*/ 591619 w 603301"/>
                  <a:gd name="connsiteY4" fmla="*/ 433940 h 636287"/>
                  <a:gd name="connsiteX5" fmla="*/ 484082 w 603301"/>
                  <a:gd name="connsiteY5" fmla="*/ 589388 h 636287"/>
                  <a:gd name="connsiteX6" fmla="*/ 308631 w 603301"/>
                  <a:gd name="connsiteY6" fmla="*/ 636251 h 636287"/>
                  <a:gd name="connsiteX7" fmla="*/ 180043 w 603301"/>
                  <a:gd name="connsiteY7" fmla="*/ 613391 h 636287"/>
                  <a:gd name="connsiteX8" fmla="*/ 83079 w 603301"/>
                  <a:gd name="connsiteY8" fmla="*/ 548526 h 636287"/>
                  <a:gd name="connsiteX9" fmla="*/ 21643 w 603301"/>
                  <a:gd name="connsiteY9" fmla="*/ 447942 h 636287"/>
                  <a:gd name="connsiteX10" fmla="*/ 21 w 603301"/>
                  <a:gd name="connsiteY10" fmla="*/ 319354 h 636287"/>
                  <a:gd name="connsiteX11" fmla="*/ 22214 w 603301"/>
                  <a:gd name="connsiteY11" fmla="*/ 193053 h 636287"/>
                  <a:gd name="connsiteX12" fmla="*/ 182996 w 603301"/>
                  <a:gd name="connsiteY12" fmla="*/ 24651 h 636287"/>
                  <a:gd name="connsiteX13" fmla="*/ 308726 w 603301"/>
                  <a:gd name="connsiteY13" fmla="*/ 76 h 636287"/>
                  <a:gd name="connsiteX14" fmla="*/ 443219 w 603301"/>
                  <a:gd name="connsiteY14" fmla="*/ 29890 h 636287"/>
                  <a:gd name="connsiteX15" fmla="*/ 537326 w 603301"/>
                  <a:gd name="connsiteY15" fmla="*/ 109995 h 636287"/>
                  <a:gd name="connsiteX16" fmla="*/ 590571 w 603301"/>
                  <a:gd name="connsiteY16" fmla="*/ 224295 h 636287"/>
                  <a:gd name="connsiteX17" fmla="*/ 602192 w 603301"/>
                  <a:gd name="connsiteY17" fmla="*/ 358788 h 636287"/>
                  <a:gd name="connsiteX18" fmla="*/ 166327 w 603301"/>
                  <a:gd name="connsiteY18" fmla="*/ 358788 h 636287"/>
                  <a:gd name="connsiteX19" fmla="*/ 206904 w 603301"/>
                  <a:gd name="connsiteY19" fmla="*/ 476041 h 636287"/>
                  <a:gd name="connsiteX20" fmla="*/ 394547 w 603301"/>
                  <a:gd name="connsiteY20" fmla="*/ 158001 h 636287"/>
                  <a:gd name="connsiteX21" fmla="*/ 303964 w 603301"/>
                  <a:gd name="connsiteY21" fmla="*/ 125235 h 636287"/>
                  <a:gd name="connsiteX22" fmla="*/ 237860 w 603301"/>
                  <a:gd name="connsiteY22" fmla="*/ 138665 h 636287"/>
                  <a:gd name="connsiteX23" fmla="*/ 195760 w 603301"/>
                  <a:gd name="connsiteY23" fmla="*/ 172003 h 636287"/>
                  <a:gd name="connsiteX24" fmla="*/ 173567 w 603301"/>
                  <a:gd name="connsiteY24" fmla="*/ 214198 h 636287"/>
                  <a:gd name="connsiteX25" fmla="*/ 165947 w 603301"/>
                  <a:gd name="connsiteY25" fmla="*/ 253918 h 636287"/>
                  <a:gd name="connsiteX26" fmla="*/ 436457 w 603301"/>
                  <a:gd name="connsiteY26" fmla="*/ 253918 h 636287"/>
                  <a:gd name="connsiteX27" fmla="*/ 394927 w 603301"/>
                  <a:gd name="connsiteY27" fmla="*/ 158001 h 6362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Lst>
                <a:rect l="l" t="t" r="r" b="b"/>
                <a:pathLst>
                  <a:path w="603301" h="636287">
                    <a:moveTo>
                      <a:pt x="206904" y="476041"/>
                    </a:moveTo>
                    <a:cubicBezTo>
                      <a:pt x="231859" y="500234"/>
                      <a:pt x="267740" y="512302"/>
                      <a:pt x="314536" y="512236"/>
                    </a:cubicBezTo>
                    <a:cubicBezTo>
                      <a:pt x="345274" y="513017"/>
                      <a:pt x="375497" y="504225"/>
                      <a:pt x="401024" y="487090"/>
                    </a:cubicBezTo>
                    <a:cubicBezTo>
                      <a:pt x="425122" y="470421"/>
                      <a:pt x="439981" y="452609"/>
                      <a:pt x="445410" y="433940"/>
                    </a:cubicBezTo>
                    <a:lnTo>
                      <a:pt x="591619" y="433940"/>
                    </a:lnTo>
                    <a:cubicBezTo>
                      <a:pt x="568187" y="506397"/>
                      <a:pt x="532345" y="558213"/>
                      <a:pt x="484082" y="589388"/>
                    </a:cubicBezTo>
                    <a:cubicBezTo>
                      <a:pt x="435818" y="620563"/>
                      <a:pt x="377335" y="636184"/>
                      <a:pt x="308631" y="636251"/>
                    </a:cubicBezTo>
                    <a:cubicBezTo>
                      <a:pt x="264702" y="636889"/>
                      <a:pt x="221058" y="629126"/>
                      <a:pt x="180043" y="613391"/>
                    </a:cubicBezTo>
                    <a:cubicBezTo>
                      <a:pt x="143334" y="599189"/>
                      <a:pt x="110216" y="577034"/>
                      <a:pt x="83079" y="548526"/>
                    </a:cubicBezTo>
                    <a:cubicBezTo>
                      <a:pt x="56047" y="519465"/>
                      <a:pt x="35149" y="485261"/>
                      <a:pt x="21643" y="447942"/>
                    </a:cubicBezTo>
                    <a:cubicBezTo>
                      <a:pt x="6869" y="406699"/>
                      <a:pt x="-446" y="363160"/>
                      <a:pt x="21" y="319354"/>
                    </a:cubicBezTo>
                    <a:cubicBezTo>
                      <a:pt x="-370" y="276254"/>
                      <a:pt x="7155" y="233439"/>
                      <a:pt x="22214" y="193053"/>
                    </a:cubicBezTo>
                    <a:cubicBezTo>
                      <a:pt x="50180" y="117072"/>
                      <a:pt x="108396" y="56099"/>
                      <a:pt x="182996" y="24651"/>
                    </a:cubicBezTo>
                    <a:cubicBezTo>
                      <a:pt x="222763" y="7884"/>
                      <a:pt x="265568" y="-483"/>
                      <a:pt x="308726" y="76"/>
                    </a:cubicBezTo>
                    <a:cubicBezTo>
                      <a:pt x="355303" y="-995"/>
                      <a:pt x="401452" y="9235"/>
                      <a:pt x="443219" y="29890"/>
                    </a:cubicBezTo>
                    <a:cubicBezTo>
                      <a:pt x="480367" y="48952"/>
                      <a:pt x="512580" y="76373"/>
                      <a:pt x="537326" y="109995"/>
                    </a:cubicBezTo>
                    <a:cubicBezTo>
                      <a:pt x="562282" y="144304"/>
                      <a:pt x="580370" y="183118"/>
                      <a:pt x="590571" y="224295"/>
                    </a:cubicBezTo>
                    <a:cubicBezTo>
                      <a:pt x="601525" y="268234"/>
                      <a:pt x="605449" y="313620"/>
                      <a:pt x="602192" y="358788"/>
                    </a:cubicBezTo>
                    <a:lnTo>
                      <a:pt x="166327" y="358788"/>
                    </a:lnTo>
                    <a:cubicBezTo>
                      <a:pt x="168928" y="412823"/>
                      <a:pt x="182453" y="451914"/>
                      <a:pt x="206904" y="476041"/>
                    </a:cubicBezTo>
                    <a:close/>
                    <a:moveTo>
                      <a:pt x="394547" y="158001"/>
                    </a:moveTo>
                    <a:cubicBezTo>
                      <a:pt x="374734" y="136189"/>
                      <a:pt x="344445" y="125235"/>
                      <a:pt x="303964" y="125235"/>
                    </a:cubicBezTo>
                    <a:cubicBezTo>
                      <a:pt x="281180" y="124463"/>
                      <a:pt x="258539" y="129064"/>
                      <a:pt x="237860" y="138665"/>
                    </a:cubicBezTo>
                    <a:cubicBezTo>
                      <a:pt x="221611" y="146647"/>
                      <a:pt x="207256" y="158010"/>
                      <a:pt x="195760" y="172003"/>
                    </a:cubicBezTo>
                    <a:cubicBezTo>
                      <a:pt x="185682" y="184490"/>
                      <a:pt x="178139" y="198815"/>
                      <a:pt x="173567" y="214198"/>
                    </a:cubicBezTo>
                    <a:cubicBezTo>
                      <a:pt x="169661" y="227143"/>
                      <a:pt x="167099" y="240449"/>
                      <a:pt x="165947" y="253918"/>
                    </a:cubicBezTo>
                    <a:lnTo>
                      <a:pt x="436457" y="253918"/>
                    </a:lnTo>
                    <a:cubicBezTo>
                      <a:pt x="428646" y="211750"/>
                      <a:pt x="414806" y="179784"/>
                      <a:pt x="394927" y="158001"/>
                    </a:cubicBez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76" name="Freeform: Shape 1075">
                <a:extLst>
                  <a:ext uri="{FF2B5EF4-FFF2-40B4-BE49-F238E27FC236}">
                    <a16:creationId xmlns:a16="http://schemas.microsoft.com/office/drawing/2014/main" id="{FBF4DCEA-2CD9-6149-1366-A0AAE9797C42}"/>
                  </a:ext>
                </a:extLst>
              </p:cNvPr>
              <p:cNvSpPr/>
              <p:nvPr/>
            </p:nvSpPr>
            <p:spPr>
              <a:xfrm>
                <a:off x="6974451" y="5404064"/>
                <a:ext cx="566660" cy="620709"/>
              </a:xfrm>
              <a:custGeom>
                <a:avLst/>
                <a:gdLst>
                  <a:gd name="connsiteX0" fmla="*/ 157353 w 566660"/>
                  <a:gd name="connsiteY0" fmla="*/ 16157 h 620709"/>
                  <a:gd name="connsiteX1" fmla="*/ 157353 w 566660"/>
                  <a:gd name="connsiteY1" fmla="*/ 100358 h 620709"/>
                  <a:gd name="connsiteX2" fmla="*/ 160877 w 566660"/>
                  <a:gd name="connsiteY2" fmla="*/ 100358 h 620709"/>
                  <a:gd name="connsiteX3" fmla="*/ 242697 w 566660"/>
                  <a:gd name="connsiteY3" fmla="*/ 24158 h 620709"/>
                  <a:gd name="connsiteX4" fmla="*/ 345567 w 566660"/>
                  <a:gd name="connsiteY4" fmla="*/ 155 h 620709"/>
                  <a:gd name="connsiteX5" fmla="*/ 454914 w 566660"/>
                  <a:gd name="connsiteY5" fmla="*/ 18348 h 620709"/>
                  <a:gd name="connsiteX6" fmla="*/ 522161 w 566660"/>
                  <a:gd name="connsiteY6" fmla="*/ 68640 h 620709"/>
                  <a:gd name="connsiteX7" fmla="*/ 556641 w 566660"/>
                  <a:gd name="connsiteY7" fmla="*/ 146936 h 620709"/>
                  <a:gd name="connsiteX8" fmla="*/ 566642 w 566660"/>
                  <a:gd name="connsiteY8" fmla="*/ 249234 h 620709"/>
                  <a:gd name="connsiteX9" fmla="*/ 566642 w 566660"/>
                  <a:gd name="connsiteY9" fmla="*/ 620709 h 620709"/>
                  <a:gd name="connsiteX10" fmla="*/ 400621 w 566660"/>
                  <a:gd name="connsiteY10" fmla="*/ 620709 h 620709"/>
                  <a:gd name="connsiteX11" fmla="*/ 400621 w 566660"/>
                  <a:gd name="connsiteY11" fmla="*/ 279238 h 620709"/>
                  <a:gd name="connsiteX12" fmla="*/ 377190 w 566660"/>
                  <a:gd name="connsiteY12" fmla="*/ 167605 h 620709"/>
                  <a:gd name="connsiteX13" fmla="*/ 294132 w 566660"/>
                  <a:gd name="connsiteY13" fmla="*/ 130743 h 620709"/>
                  <a:gd name="connsiteX14" fmla="*/ 195929 w 566660"/>
                  <a:gd name="connsiteY14" fmla="*/ 171129 h 620709"/>
                  <a:gd name="connsiteX15" fmla="*/ 165545 w 566660"/>
                  <a:gd name="connsiteY15" fmla="*/ 303812 h 620709"/>
                  <a:gd name="connsiteX16" fmla="*/ 165545 w 566660"/>
                  <a:gd name="connsiteY16" fmla="*/ 620709 h 620709"/>
                  <a:gd name="connsiteX17" fmla="*/ 0 w 566660"/>
                  <a:gd name="connsiteY17" fmla="*/ 620709 h 620709"/>
                  <a:gd name="connsiteX18" fmla="*/ 0 w 566660"/>
                  <a:gd name="connsiteY18" fmla="*/ 16157 h 62070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566660" h="620709">
                    <a:moveTo>
                      <a:pt x="157353" y="16157"/>
                    </a:moveTo>
                    <a:lnTo>
                      <a:pt x="157353" y="100358"/>
                    </a:lnTo>
                    <a:lnTo>
                      <a:pt x="160877" y="100358"/>
                    </a:lnTo>
                    <a:cubicBezTo>
                      <a:pt x="179918" y="67347"/>
                      <a:pt x="208417" y="40803"/>
                      <a:pt x="242697" y="24158"/>
                    </a:cubicBezTo>
                    <a:cubicBezTo>
                      <a:pt x="274739" y="8497"/>
                      <a:pt x="309906" y="292"/>
                      <a:pt x="345567" y="155"/>
                    </a:cubicBezTo>
                    <a:cubicBezTo>
                      <a:pt x="382857" y="-1084"/>
                      <a:pt x="420033" y="5101"/>
                      <a:pt x="454914" y="18348"/>
                    </a:cubicBezTo>
                    <a:cubicBezTo>
                      <a:pt x="481365" y="28908"/>
                      <a:pt x="504558" y="46254"/>
                      <a:pt x="522161" y="68640"/>
                    </a:cubicBezTo>
                    <a:cubicBezTo>
                      <a:pt x="539325" y="91854"/>
                      <a:pt x="551107" y="118599"/>
                      <a:pt x="556641" y="146936"/>
                    </a:cubicBezTo>
                    <a:cubicBezTo>
                      <a:pt x="563585" y="180587"/>
                      <a:pt x="566938" y="214877"/>
                      <a:pt x="566642" y="249234"/>
                    </a:cubicBezTo>
                    <a:lnTo>
                      <a:pt x="566642" y="620709"/>
                    </a:lnTo>
                    <a:lnTo>
                      <a:pt x="400621" y="620709"/>
                    </a:lnTo>
                    <a:lnTo>
                      <a:pt x="400621" y="279238"/>
                    </a:lnTo>
                    <a:cubicBezTo>
                      <a:pt x="400621" y="229451"/>
                      <a:pt x="392811" y="192246"/>
                      <a:pt x="377190" y="167605"/>
                    </a:cubicBezTo>
                    <a:cubicBezTo>
                      <a:pt x="361569" y="142964"/>
                      <a:pt x="333880" y="130676"/>
                      <a:pt x="294132" y="130743"/>
                    </a:cubicBezTo>
                    <a:cubicBezTo>
                      <a:pt x="248984" y="130743"/>
                      <a:pt x="216246" y="144202"/>
                      <a:pt x="195929" y="171129"/>
                    </a:cubicBezTo>
                    <a:cubicBezTo>
                      <a:pt x="175613" y="198056"/>
                      <a:pt x="165478" y="242281"/>
                      <a:pt x="165545" y="303812"/>
                    </a:cubicBezTo>
                    <a:lnTo>
                      <a:pt x="165545" y="620709"/>
                    </a:lnTo>
                    <a:lnTo>
                      <a:pt x="0" y="620709"/>
                    </a:lnTo>
                    <a:lnTo>
                      <a:pt x="0" y="16157"/>
                    </a:ln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77" name="Freeform: Shape 1076">
                <a:extLst>
                  <a:ext uri="{FF2B5EF4-FFF2-40B4-BE49-F238E27FC236}">
                    <a16:creationId xmlns:a16="http://schemas.microsoft.com/office/drawing/2014/main" id="{A8FB35B1-764E-1968-7017-45AB2B4061C2}"/>
                  </a:ext>
                </a:extLst>
              </p:cNvPr>
              <p:cNvSpPr/>
              <p:nvPr/>
            </p:nvSpPr>
            <p:spPr>
              <a:xfrm>
                <a:off x="7614604" y="5404161"/>
                <a:ext cx="596286" cy="635875"/>
              </a:xfrm>
              <a:custGeom>
                <a:avLst/>
                <a:gdLst>
                  <a:gd name="connsiteX0" fmla="*/ 307488 w 596286"/>
                  <a:gd name="connsiteY0" fmla="*/ 124836 h 635875"/>
                  <a:gd name="connsiteX1" fmla="*/ 240813 w 596286"/>
                  <a:gd name="connsiteY1" fmla="*/ 142933 h 635875"/>
                  <a:gd name="connsiteX2" fmla="*/ 196903 w 596286"/>
                  <a:gd name="connsiteY2" fmla="*/ 189701 h 635875"/>
                  <a:gd name="connsiteX3" fmla="*/ 172995 w 596286"/>
                  <a:gd name="connsiteY3" fmla="*/ 252852 h 635875"/>
                  <a:gd name="connsiteX4" fmla="*/ 165947 w 596286"/>
                  <a:gd name="connsiteY4" fmla="*/ 321241 h 635875"/>
                  <a:gd name="connsiteX5" fmla="*/ 172995 w 596286"/>
                  <a:gd name="connsiteY5" fmla="*/ 387916 h 635875"/>
                  <a:gd name="connsiteX6" fmla="*/ 195760 w 596286"/>
                  <a:gd name="connsiteY6" fmla="*/ 449258 h 635875"/>
                  <a:gd name="connsiteX7" fmla="*/ 238432 w 596286"/>
                  <a:gd name="connsiteY7" fmla="*/ 494311 h 635875"/>
                  <a:gd name="connsiteX8" fmla="*/ 303964 w 596286"/>
                  <a:gd name="connsiteY8" fmla="*/ 511837 h 635875"/>
                  <a:gd name="connsiteX9" fmla="*/ 395690 w 596286"/>
                  <a:gd name="connsiteY9" fmla="*/ 478499 h 635875"/>
                  <a:gd name="connsiteX10" fmla="*/ 436076 w 596286"/>
                  <a:gd name="connsiteY10" fmla="*/ 389059 h 635875"/>
                  <a:gd name="connsiteX11" fmla="*/ 596286 w 596286"/>
                  <a:gd name="connsiteY11" fmla="*/ 389059 h 635875"/>
                  <a:gd name="connsiteX12" fmla="*/ 502846 w 596286"/>
                  <a:gd name="connsiteY12" fmla="*/ 572701 h 635875"/>
                  <a:gd name="connsiteX13" fmla="*/ 305298 w 596286"/>
                  <a:gd name="connsiteY13" fmla="*/ 635852 h 635875"/>
                  <a:gd name="connsiteX14" fmla="*/ 180711 w 596286"/>
                  <a:gd name="connsiteY14" fmla="*/ 612992 h 635875"/>
                  <a:gd name="connsiteX15" fmla="*/ 84318 w 596286"/>
                  <a:gd name="connsiteY15" fmla="*/ 549270 h 635875"/>
                  <a:gd name="connsiteX16" fmla="*/ 22215 w 596286"/>
                  <a:gd name="connsiteY16" fmla="*/ 452020 h 635875"/>
                  <a:gd name="connsiteX17" fmla="*/ 21 w 596286"/>
                  <a:gd name="connsiteY17" fmla="*/ 327528 h 635875"/>
                  <a:gd name="connsiteX18" fmla="*/ 20500 w 596286"/>
                  <a:gd name="connsiteY18" fmla="*/ 197131 h 635875"/>
                  <a:gd name="connsiteX19" fmla="*/ 80698 w 596286"/>
                  <a:gd name="connsiteY19" fmla="*/ 93022 h 635875"/>
                  <a:gd name="connsiteX20" fmla="*/ 177758 w 596286"/>
                  <a:gd name="connsiteY20" fmla="*/ 24633 h 635875"/>
                  <a:gd name="connsiteX21" fmla="*/ 308727 w 596286"/>
                  <a:gd name="connsiteY21" fmla="*/ 58 h 635875"/>
                  <a:gd name="connsiteX22" fmla="*/ 412168 w 596286"/>
                  <a:gd name="connsiteY22" fmla="*/ 13870 h 635875"/>
                  <a:gd name="connsiteX23" fmla="*/ 501036 w 596286"/>
                  <a:gd name="connsiteY23" fmla="*/ 56542 h 635875"/>
                  <a:gd name="connsiteX24" fmla="*/ 592858 w 596286"/>
                  <a:gd name="connsiteY24" fmla="*/ 228944 h 635875"/>
                  <a:gd name="connsiteX25" fmla="*/ 430266 w 596286"/>
                  <a:gd name="connsiteY25" fmla="*/ 228944 h 635875"/>
                  <a:gd name="connsiteX26" fmla="*/ 307488 w 596286"/>
                  <a:gd name="connsiteY26" fmla="*/ 124836 h 6358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596286" h="635875">
                    <a:moveTo>
                      <a:pt x="307488" y="124836"/>
                    </a:moveTo>
                    <a:cubicBezTo>
                      <a:pt x="283943" y="123979"/>
                      <a:pt x="260692" y="130284"/>
                      <a:pt x="240813" y="142933"/>
                    </a:cubicBezTo>
                    <a:cubicBezTo>
                      <a:pt x="222849" y="155030"/>
                      <a:pt x="207838" y="171013"/>
                      <a:pt x="196903" y="189701"/>
                    </a:cubicBezTo>
                    <a:cubicBezTo>
                      <a:pt x="185483" y="209275"/>
                      <a:pt x="177406" y="230621"/>
                      <a:pt x="172995" y="252852"/>
                    </a:cubicBezTo>
                    <a:cubicBezTo>
                      <a:pt x="168366" y="275360"/>
                      <a:pt x="166004" y="298267"/>
                      <a:pt x="165947" y="321241"/>
                    </a:cubicBezTo>
                    <a:cubicBezTo>
                      <a:pt x="166052" y="343644"/>
                      <a:pt x="168414" y="365980"/>
                      <a:pt x="172995" y="387916"/>
                    </a:cubicBezTo>
                    <a:cubicBezTo>
                      <a:pt x="177301" y="409433"/>
                      <a:pt x="184987" y="430141"/>
                      <a:pt x="195760" y="449258"/>
                    </a:cubicBezTo>
                    <a:cubicBezTo>
                      <a:pt x="206161" y="467488"/>
                      <a:pt x="220792" y="482938"/>
                      <a:pt x="238432" y="494311"/>
                    </a:cubicBezTo>
                    <a:cubicBezTo>
                      <a:pt x="258063" y="506493"/>
                      <a:pt x="280866" y="512599"/>
                      <a:pt x="303964" y="511837"/>
                    </a:cubicBezTo>
                    <a:cubicBezTo>
                      <a:pt x="343655" y="511837"/>
                      <a:pt x="374230" y="500721"/>
                      <a:pt x="395690" y="478499"/>
                    </a:cubicBezTo>
                    <a:cubicBezTo>
                      <a:pt x="418293" y="453725"/>
                      <a:pt x="432437" y="422397"/>
                      <a:pt x="436076" y="389059"/>
                    </a:cubicBezTo>
                    <a:lnTo>
                      <a:pt x="596286" y="389059"/>
                    </a:lnTo>
                    <a:cubicBezTo>
                      <a:pt x="585742" y="469136"/>
                      <a:pt x="554596" y="530344"/>
                      <a:pt x="502846" y="572701"/>
                    </a:cubicBezTo>
                    <a:cubicBezTo>
                      <a:pt x="451097" y="615059"/>
                      <a:pt x="385241" y="636109"/>
                      <a:pt x="305298" y="635852"/>
                    </a:cubicBezTo>
                    <a:cubicBezTo>
                      <a:pt x="262683" y="636357"/>
                      <a:pt x="220373" y="628594"/>
                      <a:pt x="180711" y="612992"/>
                    </a:cubicBezTo>
                    <a:cubicBezTo>
                      <a:pt x="144430" y="598809"/>
                      <a:pt x="111578" y="577092"/>
                      <a:pt x="84318" y="549270"/>
                    </a:cubicBezTo>
                    <a:cubicBezTo>
                      <a:pt x="57267" y="521381"/>
                      <a:pt x="36140" y="488300"/>
                      <a:pt x="22215" y="452020"/>
                    </a:cubicBezTo>
                    <a:cubicBezTo>
                      <a:pt x="7070" y="412281"/>
                      <a:pt x="-455" y="370048"/>
                      <a:pt x="21" y="327528"/>
                    </a:cubicBezTo>
                    <a:cubicBezTo>
                      <a:pt x="-436" y="283227"/>
                      <a:pt x="6479" y="239155"/>
                      <a:pt x="20500" y="197131"/>
                    </a:cubicBezTo>
                    <a:cubicBezTo>
                      <a:pt x="33102" y="158621"/>
                      <a:pt x="53609" y="123160"/>
                      <a:pt x="80698" y="93022"/>
                    </a:cubicBezTo>
                    <a:cubicBezTo>
                      <a:pt x="107663" y="63404"/>
                      <a:pt x="140791" y="40060"/>
                      <a:pt x="177758" y="24633"/>
                    </a:cubicBezTo>
                    <a:cubicBezTo>
                      <a:pt x="219277" y="7576"/>
                      <a:pt x="263854" y="-788"/>
                      <a:pt x="308727" y="58"/>
                    </a:cubicBezTo>
                    <a:cubicBezTo>
                      <a:pt x="343683" y="-166"/>
                      <a:pt x="378497" y="4482"/>
                      <a:pt x="412168" y="13870"/>
                    </a:cubicBezTo>
                    <a:cubicBezTo>
                      <a:pt x="444115" y="22650"/>
                      <a:pt x="474214" y="37104"/>
                      <a:pt x="501036" y="56542"/>
                    </a:cubicBezTo>
                    <a:cubicBezTo>
                      <a:pt x="556748" y="96638"/>
                      <a:pt x="590676" y="160336"/>
                      <a:pt x="592858" y="228944"/>
                    </a:cubicBezTo>
                    <a:lnTo>
                      <a:pt x="430266" y="228944"/>
                    </a:lnTo>
                    <a:cubicBezTo>
                      <a:pt x="419407" y="159535"/>
                      <a:pt x="378478" y="124836"/>
                      <a:pt x="307488" y="124836"/>
                    </a:cubicBez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78" name="Freeform: Shape 1077">
                <a:extLst>
                  <a:ext uri="{FF2B5EF4-FFF2-40B4-BE49-F238E27FC236}">
                    <a16:creationId xmlns:a16="http://schemas.microsoft.com/office/drawing/2014/main" id="{3BDAB1BD-6D12-0C2A-1829-ABC999601C4B}"/>
                  </a:ext>
                </a:extLst>
              </p:cNvPr>
              <p:cNvSpPr/>
              <p:nvPr/>
            </p:nvSpPr>
            <p:spPr>
              <a:xfrm>
                <a:off x="8278137" y="5189907"/>
                <a:ext cx="566772" cy="834866"/>
              </a:xfrm>
              <a:custGeom>
                <a:avLst/>
                <a:gdLst>
                  <a:gd name="connsiteX0" fmla="*/ 166021 w 566772"/>
                  <a:gd name="connsiteY0" fmla="*/ 0 h 834866"/>
                  <a:gd name="connsiteX1" fmla="*/ 166021 w 566772"/>
                  <a:gd name="connsiteY1" fmla="*/ 314325 h 834866"/>
                  <a:gd name="connsiteX2" fmla="*/ 169545 w 566772"/>
                  <a:gd name="connsiteY2" fmla="*/ 314325 h 834866"/>
                  <a:gd name="connsiteX3" fmla="*/ 250222 w 566772"/>
                  <a:gd name="connsiteY3" fmla="*/ 238125 h 834866"/>
                  <a:gd name="connsiteX4" fmla="*/ 346138 w 566772"/>
                  <a:gd name="connsiteY4" fmla="*/ 214122 h 834866"/>
                  <a:gd name="connsiteX5" fmla="*/ 455486 w 566772"/>
                  <a:gd name="connsiteY5" fmla="*/ 232315 h 834866"/>
                  <a:gd name="connsiteX6" fmla="*/ 522732 w 566772"/>
                  <a:gd name="connsiteY6" fmla="*/ 282607 h 834866"/>
                  <a:gd name="connsiteX7" fmla="*/ 557213 w 566772"/>
                  <a:gd name="connsiteY7" fmla="*/ 360902 h 834866"/>
                  <a:gd name="connsiteX8" fmla="*/ 566738 w 566772"/>
                  <a:gd name="connsiteY8" fmla="*/ 463201 h 834866"/>
                  <a:gd name="connsiteX9" fmla="*/ 566738 w 566772"/>
                  <a:gd name="connsiteY9" fmla="*/ 834676 h 834866"/>
                  <a:gd name="connsiteX10" fmla="*/ 401288 w 566772"/>
                  <a:gd name="connsiteY10" fmla="*/ 834676 h 834866"/>
                  <a:gd name="connsiteX11" fmla="*/ 401288 w 566772"/>
                  <a:gd name="connsiteY11" fmla="*/ 493395 h 834866"/>
                  <a:gd name="connsiteX12" fmla="*/ 377857 w 566772"/>
                  <a:gd name="connsiteY12" fmla="*/ 381762 h 834866"/>
                  <a:gd name="connsiteX13" fmla="*/ 294894 w 566772"/>
                  <a:gd name="connsiteY13" fmla="*/ 344900 h 834866"/>
                  <a:gd name="connsiteX14" fmla="*/ 196691 w 566772"/>
                  <a:gd name="connsiteY14" fmla="*/ 385286 h 834866"/>
                  <a:gd name="connsiteX15" fmla="*/ 166211 w 566772"/>
                  <a:gd name="connsiteY15" fmla="*/ 517969 h 834866"/>
                  <a:gd name="connsiteX16" fmla="*/ 166211 w 566772"/>
                  <a:gd name="connsiteY16" fmla="*/ 834866 h 834866"/>
                  <a:gd name="connsiteX17" fmla="*/ 0 w 566772"/>
                  <a:gd name="connsiteY17" fmla="*/ 834866 h 834866"/>
                  <a:gd name="connsiteX18" fmla="*/ 0 w 566772"/>
                  <a:gd name="connsiteY18" fmla="*/ 0 h 8348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566772" h="834866">
                    <a:moveTo>
                      <a:pt x="166021" y="0"/>
                    </a:moveTo>
                    <a:lnTo>
                      <a:pt x="166021" y="314325"/>
                    </a:lnTo>
                    <a:lnTo>
                      <a:pt x="169545" y="314325"/>
                    </a:lnTo>
                    <a:cubicBezTo>
                      <a:pt x="188386" y="281563"/>
                      <a:pt x="216437" y="255064"/>
                      <a:pt x="250222" y="238125"/>
                    </a:cubicBezTo>
                    <a:cubicBezTo>
                      <a:pt x="279940" y="222891"/>
                      <a:pt x="312753" y="214679"/>
                      <a:pt x="346138" y="214122"/>
                    </a:cubicBezTo>
                    <a:cubicBezTo>
                      <a:pt x="383429" y="212883"/>
                      <a:pt x="420605" y="219067"/>
                      <a:pt x="455486" y="232315"/>
                    </a:cubicBezTo>
                    <a:cubicBezTo>
                      <a:pt x="481937" y="242874"/>
                      <a:pt x="505130" y="260221"/>
                      <a:pt x="522732" y="282607"/>
                    </a:cubicBezTo>
                    <a:cubicBezTo>
                      <a:pt x="539877" y="305831"/>
                      <a:pt x="551659" y="332575"/>
                      <a:pt x="557213" y="360902"/>
                    </a:cubicBezTo>
                    <a:cubicBezTo>
                      <a:pt x="563947" y="394573"/>
                      <a:pt x="567147" y="428863"/>
                      <a:pt x="566738" y="463201"/>
                    </a:cubicBezTo>
                    <a:lnTo>
                      <a:pt x="566738" y="834676"/>
                    </a:lnTo>
                    <a:lnTo>
                      <a:pt x="401288" y="834676"/>
                    </a:lnTo>
                    <a:lnTo>
                      <a:pt x="401288" y="493395"/>
                    </a:lnTo>
                    <a:cubicBezTo>
                      <a:pt x="401288" y="443608"/>
                      <a:pt x="393478" y="406403"/>
                      <a:pt x="377857" y="381762"/>
                    </a:cubicBezTo>
                    <a:cubicBezTo>
                      <a:pt x="362236" y="357121"/>
                      <a:pt x="334585" y="344834"/>
                      <a:pt x="294894" y="344900"/>
                    </a:cubicBezTo>
                    <a:cubicBezTo>
                      <a:pt x="249679" y="344900"/>
                      <a:pt x="216951" y="358359"/>
                      <a:pt x="196691" y="385286"/>
                    </a:cubicBezTo>
                    <a:cubicBezTo>
                      <a:pt x="176432" y="412213"/>
                      <a:pt x="166278" y="456438"/>
                      <a:pt x="166211" y="517969"/>
                    </a:cubicBezTo>
                    <a:lnTo>
                      <a:pt x="166211" y="834866"/>
                    </a:lnTo>
                    <a:lnTo>
                      <a:pt x="0" y="834866"/>
                    </a:lnTo>
                    <a:lnTo>
                      <a:pt x="0" y="0"/>
                    </a:ln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79" name="Freeform: Shape 1078">
                <a:extLst>
                  <a:ext uri="{FF2B5EF4-FFF2-40B4-BE49-F238E27FC236}">
                    <a16:creationId xmlns:a16="http://schemas.microsoft.com/office/drawing/2014/main" id="{E3BED55C-0312-CB70-1989-BA2F78024ABF}"/>
                  </a:ext>
                </a:extLst>
              </p:cNvPr>
              <p:cNvSpPr/>
              <p:nvPr/>
            </p:nvSpPr>
            <p:spPr>
              <a:xfrm>
                <a:off x="8917509" y="5404309"/>
                <a:ext cx="589925" cy="635437"/>
              </a:xfrm>
              <a:custGeom>
                <a:avLst/>
                <a:gdLst>
                  <a:gd name="connsiteX0" fmla="*/ 19092 w 589925"/>
                  <a:gd name="connsiteY0" fmla="*/ 201841 h 635437"/>
                  <a:gd name="connsiteX1" fmla="*/ 48238 w 589925"/>
                  <a:gd name="connsiteY1" fmla="*/ 104781 h 635437"/>
                  <a:gd name="connsiteX2" fmla="*/ 113771 w 589925"/>
                  <a:gd name="connsiteY2" fmla="*/ 42869 h 635437"/>
                  <a:gd name="connsiteX3" fmla="*/ 203210 w 589925"/>
                  <a:gd name="connsiteY3" fmla="*/ 9531 h 635437"/>
                  <a:gd name="connsiteX4" fmla="*/ 303223 w 589925"/>
                  <a:gd name="connsiteY4" fmla="*/ 6 h 635437"/>
                  <a:gd name="connsiteX5" fmla="*/ 395520 w 589925"/>
                  <a:gd name="connsiteY5" fmla="*/ 6483 h 635437"/>
                  <a:gd name="connsiteX6" fmla="*/ 481245 w 589925"/>
                  <a:gd name="connsiteY6" fmla="*/ 31629 h 635437"/>
                  <a:gd name="connsiteX7" fmla="*/ 544396 w 589925"/>
                  <a:gd name="connsiteY7" fmla="*/ 83159 h 635437"/>
                  <a:gd name="connsiteX8" fmla="*/ 568875 w 589925"/>
                  <a:gd name="connsiteY8" fmla="*/ 171456 h 635437"/>
                  <a:gd name="connsiteX9" fmla="*/ 568875 w 589925"/>
                  <a:gd name="connsiteY9" fmla="*/ 485781 h 635437"/>
                  <a:gd name="connsiteX10" fmla="*/ 573542 w 589925"/>
                  <a:gd name="connsiteY10" fmla="*/ 564172 h 635437"/>
                  <a:gd name="connsiteX11" fmla="*/ 589925 w 589925"/>
                  <a:gd name="connsiteY11" fmla="*/ 620274 h 635437"/>
                  <a:gd name="connsiteX12" fmla="*/ 421333 w 589925"/>
                  <a:gd name="connsiteY12" fmla="*/ 620274 h 635437"/>
                  <a:gd name="connsiteX13" fmla="*/ 413713 w 589925"/>
                  <a:gd name="connsiteY13" fmla="*/ 591699 h 635437"/>
                  <a:gd name="connsiteX14" fmla="*/ 409617 w 589925"/>
                  <a:gd name="connsiteY14" fmla="*/ 561886 h 635437"/>
                  <a:gd name="connsiteX15" fmla="*/ 316081 w 589925"/>
                  <a:gd name="connsiteY15" fmla="*/ 619036 h 635437"/>
                  <a:gd name="connsiteX16" fmla="*/ 206163 w 589925"/>
                  <a:gd name="connsiteY16" fmla="*/ 635419 h 635437"/>
                  <a:gd name="connsiteX17" fmla="*/ 125296 w 589925"/>
                  <a:gd name="connsiteY17" fmla="*/ 625132 h 635437"/>
                  <a:gd name="connsiteX18" fmla="*/ 59764 w 589925"/>
                  <a:gd name="connsiteY18" fmla="*/ 592366 h 635437"/>
                  <a:gd name="connsiteX19" fmla="*/ 15949 w 589925"/>
                  <a:gd name="connsiteY19" fmla="*/ 536264 h 635437"/>
                  <a:gd name="connsiteX20" fmla="*/ 137 w 589925"/>
                  <a:gd name="connsiteY20" fmla="*/ 455587 h 635437"/>
                  <a:gd name="connsiteX21" fmla="*/ 18234 w 589925"/>
                  <a:gd name="connsiteY21" fmla="*/ 370814 h 635437"/>
                  <a:gd name="connsiteX22" fmla="*/ 65003 w 589925"/>
                  <a:gd name="connsiteY22" fmla="*/ 317570 h 635437"/>
                  <a:gd name="connsiteX23" fmla="*/ 130535 w 589925"/>
                  <a:gd name="connsiteY23" fmla="*/ 287756 h 635437"/>
                  <a:gd name="connsiteX24" fmla="*/ 204734 w 589925"/>
                  <a:gd name="connsiteY24" fmla="*/ 272040 h 635437"/>
                  <a:gd name="connsiteX25" fmla="*/ 278458 w 589925"/>
                  <a:gd name="connsiteY25" fmla="*/ 262515 h 635437"/>
                  <a:gd name="connsiteX26" fmla="*/ 342942 w 589925"/>
                  <a:gd name="connsiteY26" fmla="*/ 251847 h 635437"/>
                  <a:gd name="connsiteX27" fmla="*/ 387424 w 589925"/>
                  <a:gd name="connsiteY27" fmla="*/ 231368 h 635437"/>
                  <a:gd name="connsiteX28" fmla="*/ 402569 w 589925"/>
                  <a:gd name="connsiteY28" fmla="*/ 192221 h 635437"/>
                  <a:gd name="connsiteX29" fmla="*/ 393806 w 589925"/>
                  <a:gd name="connsiteY29" fmla="*/ 149549 h 635437"/>
                  <a:gd name="connsiteX30" fmla="*/ 370374 w 589925"/>
                  <a:gd name="connsiteY30" fmla="*/ 124974 h 635437"/>
                  <a:gd name="connsiteX31" fmla="*/ 336465 w 589925"/>
                  <a:gd name="connsiteY31" fmla="*/ 113258 h 635437"/>
                  <a:gd name="connsiteX32" fmla="*/ 295031 w 589925"/>
                  <a:gd name="connsiteY32" fmla="*/ 110401 h 635437"/>
                  <a:gd name="connsiteX33" fmla="*/ 217783 w 589925"/>
                  <a:gd name="connsiteY33" fmla="*/ 131451 h 635437"/>
                  <a:gd name="connsiteX34" fmla="*/ 185113 w 589925"/>
                  <a:gd name="connsiteY34" fmla="*/ 201555 h 635437"/>
                  <a:gd name="connsiteX35" fmla="*/ 402569 w 589925"/>
                  <a:gd name="connsiteY35" fmla="*/ 324618 h 635437"/>
                  <a:gd name="connsiteX36" fmla="*/ 376280 w 589925"/>
                  <a:gd name="connsiteY36" fmla="*/ 339287 h 635437"/>
                  <a:gd name="connsiteX37" fmla="*/ 342371 w 589925"/>
                  <a:gd name="connsiteY37" fmla="*/ 348050 h 635437"/>
                  <a:gd name="connsiteX38" fmla="*/ 304271 w 589925"/>
                  <a:gd name="connsiteY38" fmla="*/ 353860 h 635437"/>
                  <a:gd name="connsiteX39" fmla="*/ 264551 w 589925"/>
                  <a:gd name="connsiteY39" fmla="*/ 359670 h 635437"/>
                  <a:gd name="connsiteX40" fmla="*/ 227690 w 589925"/>
                  <a:gd name="connsiteY40" fmla="*/ 369195 h 635437"/>
                  <a:gd name="connsiteX41" fmla="*/ 196067 w 589925"/>
                  <a:gd name="connsiteY41" fmla="*/ 384911 h 635437"/>
                  <a:gd name="connsiteX42" fmla="*/ 174445 w 589925"/>
                  <a:gd name="connsiteY42" fmla="*/ 410057 h 635437"/>
                  <a:gd name="connsiteX43" fmla="*/ 166253 w 589925"/>
                  <a:gd name="connsiteY43" fmla="*/ 448157 h 635437"/>
                  <a:gd name="connsiteX44" fmla="*/ 174445 w 589925"/>
                  <a:gd name="connsiteY44" fmla="*/ 485590 h 635437"/>
                  <a:gd name="connsiteX45" fmla="*/ 196733 w 589925"/>
                  <a:gd name="connsiteY45" fmla="*/ 509594 h 635437"/>
                  <a:gd name="connsiteX46" fmla="*/ 229404 w 589925"/>
                  <a:gd name="connsiteY46" fmla="*/ 521881 h 635437"/>
                  <a:gd name="connsiteX47" fmla="*/ 267504 w 589925"/>
                  <a:gd name="connsiteY47" fmla="*/ 525405 h 635437"/>
                  <a:gd name="connsiteX48" fmla="*/ 343704 w 589925"/>
                  <a:gd name="connsiteY48" fmla="*/ 509022 h 635437"/>
                  <a:gd name="connsiteX49" fmla="*/ 383519 w 589925"/>
                  <a:gd name="connsiteY49" fmla="*/ 469779 h 635437"/>
                  <a:gd name="connsiteX50" fmla="*/ 399140 w 589925"/>
                  <a:gd name="connsiteY50" fmla="*/ 423297 h 635437"/>
                  <a:gd name="connsiteX51" fmla="*/ 402092 w 589925"/>
                  <a:gd name="connsiteY51" fmla="*/ 385864 h 6354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Lst>
                <a:rect l="l" t="t" r="r" b="b"/>
                <a:pathLst>
                  <a:path w="589925" h="635437">
                    <a:moveTo>
                      <a:pt x="19092" y="201841"/>
                    </a:moveTo>
                    <a:cubicBezTo>
                      <a:pt x="19959" y="167465"/>
                      <a:pt x="30027" y="133947"/>
                      <a:pt x="48238" y="104781"/>
                    </a:cubicBezTo>
                    <a:cubicBezTo>
                      <a:pt x="65022" y="79373"/>
                      <a:pt x="87453" y="58185"/>
                      <a:pt x="113771" y="42869"/>
                    </a:cubicBezTo>
                    <a:cubicBezTo>
                      <a:pt x="141488" y="26780"/>
                      <a:pt x="171730" y="15508"/>
                      <a:pt x="203210" y="9531"/>
                    </a:cubicBezTo>
                    <a:cubicBezTo>
                      <a:pt x="236148" y="3033"/>
                      <a:pt x="269647" y="-158"/>
                      <a:pt x="303223" y="6"/>
                    </a:cubicBezTo>
                    <a:cubicBezTo>
                      <a:pt x="334103" y="67"/>
                      <a:pt x="364935" y="2231"/>
                      <a:pt x="395520" y="6483"/>
                    </a:cubicBezTo>
                    <a:cubicBezTo>
                      <a:pt x="425247" y="10286"/>
                      <a:pt x="454175" y="18773"/>
                      <a:pt x="481245" y="31629"/>
                    </a:cubicBezTo>
                    <a:cubicBezTo>
                      <a:pt x="506210" y="43352"/>
                      <a:pt x="527899" y="61052"/>
                      <a:pt x="544396" y="83159"/>
                    </a:cubicBezTo>
                    <a:cubicBezTo>
                      <a:pt x="560683" y="105353"/>
                      <a:pt x="568780" y="134785"/>
                      <a:pt x="568875" y="171456"/>
                    </a:cubicBezTo>
                    <a:lnTo>
                      <a:pt x="568875" y="485781"/>
                    </a:lnTo>
                    <a:cubicBezTo>
                      <a:pt x="568856" y="511984"/>
                      <a:pt x="570418" y="538159"/>
                      <a:pt x="573542" y="564172"/>
                    </a:cubicBezTo>
                    <a:cubicBezTo>
                      <a:pt x="575038" y="583812"/>
                      <a:pt x="580619" y="602920"/>
                      <a:pt x="589925" y="620274"/>
                    </a:cubicBezTo>
                    <a:lnTo>
                      <a:pt x="421333" y="620274"/>
                    </a:lnTo>
                    <a:cubicBezTo>
                      <a:pt x="418171" y="610930"/>
                      <a:pt x="415627" y="601376"/>
                      <a:pt x="413713" y="591699"/>
                    </a:cubicBezTo>
                    <a:cubicBezTo>
                      <a:pt x="411731" y="581860"/>
                      <a:pt x="410360" y="571897"/>
                      <a:pt x="409617" y="561886"/>
                    </a:cubicBezTo>
                    <a:cubicBezTo>
                      <a:pt x="383833" y="588613"/>
                      <a:pt x="351629" y="608282"/>
                      <a:pt x="316081" y="619036"/>
                    </a:cubicBezTo>
                    <a:cubicBezTo>
                      <a:pt x="280449" y="629894"/>
                      <a:pt x="243406" y="635419"/>
                      <a:pt x="206163" y="635419"/>
                    </a:cubicBezTo>
                    <a:cubicBezTo>
                      <a:pt x="178864" y="635724"/>
                      <a:pt x="151651" y="632257"/>
                      <a:pt x="125296" y="625132"/>
                    </a:cubicBezTo>
                    <a:cubicBezTo>
                      <a:pt x="101493" y="618664"/>
                      <a:pt x="79223" y="607520"/>
                      <a:pt x="59764" y="592366"/>
                    </a:cubicBezTo>
                    <a:cubicBezTo>
                      <a:pt x="40904" y="577421"/>
                      <a:pt x="25883" y="558190"/>
                      <a:pt x="15949" y="536264"/>
                    </a:cubicBezTo>
                    <a:cubicBezTo>
                      <a:pt x="4843" y="510851"/>
                      <a:pt x="-558" y="483314"/>
                      <a:pt x="137" y="455587"/>
                    </a:cubicBezTo>
                    <a:cubicBezTo>
                      <a:pt x="-1025" y="426259"/>
                      <a:pt x="5204" y="397113"/>
                      <a:pt x="18234" y="370814"/>
                    </a:cubicBezTo>
                    <a:cubicBezTo>
                      <a:pt x="29455" y="349659"/>
                      <a:pt x="45467" y="331419"/>
                      <a:pt x="65003" y="317570"/>
                    </a:cubicBezTo>
                    <a:cubicBezTo>
                      <a:pt x="84976" y="303939"/>
                      <a:pt x="107141" y="293852"/>
                      <a:pt x="130535" y="287756"/>
                    </a:cubicBezTo>
                    <a:cubicBezTo>
                      <a:pt x="154966" y="281194"/>
                      <a:pt x="179741" y="275955"/>
                      <a:pt x="204734" y="272040"/>
                    </a:cubicBezTo>
                    <a:cubicBezTo>
                      <a:pt x="229690" y="268106"/>
                      <a:pt x="254264" y="264925"/>
                      <a:pt x="278458" y="262515"/>
                    </a:cubicBezTo>
                    <a:cubicBezTo>
                      <a:pt x="300175" y="260496"/>
                      <a:pt x="321730" y="256933"/>
                      <a:pt x="342942" y="251847"/>
                    </a:cubicBezTo>
                    <a:cubicBezTo>
                      <a:pt x="359087" y="248351"/>
                      <a:pt x="374270" y="241360"/>
                      <a:pt x="387424" y="231368"/>
                    </a:cubicBezTo>
                    <a:cubicBezTo>
                      <a:pt x="398597" y="221605"/>
                      <a:pt x="404264" y="206965"/>
                      <a:pt x="402569" y="192221"/>
                    </a:cubicBezTo>
                    <a:cubicBezTo>
                      <a:pt x="403273" y="177485"/>
                      <a:pt x="400254" y="162817"/>
                      <a:pt x="393806" y="149549"/>
                    </a:cubicBezTo>
                    <a:cubicBezTo>
                      <a:pt x="388386" y="139376"/>
                      <a:pt x="380280" y="130870"/>
                      <a:pt x="370374" y="124974"/>
                    </a:cubicBezTo>
                    <a:cubicBezTo>
                      <a:pt x="359954" y="118869"/>
                      <a:pt x="348428" y="114887"/>
                      <a:pt x="336465" y="113258"/>
                    </a:cubicBezTo>
                    <a:cubicBezTo>
                      <a:pt x="322749" y="111258"/>
                      <a:pt x="308900" y="110306"/>
                      <a:pt x="295031" y="110401"/>
                    </a:cubicBezTo>
                    <a:cubicBezTo>
                      <a:pt x="262266" y="110401"/>
                      <a:pt x="236548" y="117354"/>
                      <a:pt x="217783" y="131451"/>
                    </a:cubicBezTo>
                    <a:cubicBezTo>
                      <a:pt x="199019" y="145548"/>
                      <a:pt x="188161" y="168789"/>
                      <a:pt x="185113" y="201555"/>
                    </a:cubicBezTo>
                    <a:close/>
                    <a:moveTo>
                      <a:pt x="402569" y="324618"/>
                    </a:moveTo>
                    <a:cubicBezTo>
                      <a:pt x="394891" y="331238"/>
                      <a:pt x="385948" y="336229"/>
                      <a:pt x="376280" y="339287"/>
                    </a:cubicBezTo>
                    <a:cubicBezTo>
                      <a:pt x="365154" y="342868"/>
                      <a:pt x="353838" y="345792"/>
                      <a:pt x="342371" y="348050"/>
                    </a:cubicBezTo>
                    <a:cubicBezTo>
                      <a:pt x="330274" y="350336"/>
                      <a:pt x="317606" y="352336"/>
                      <a:pt x="304271" y="353860"/>
                    </a:cubicBezTo>
                    <a:cubicBezTo>
                      <a:pt x="290935" y="355384"/>
                      <a:pt x="277791" y="357384"/>
                      <a:pt x="264551" y="359670"/>
                    </a:cubicBezTo>
                    <a:cubicBezTo>
                      <a:pt x="252083" y="362080"/>
                      <a:pt x="239767" y="365261"/>
                      <a:pt x="227690" y="369195"/>
                    </a:cubicBezTo>
                    <a:cubicBezTo>
                      <a:pt x="216383" y="372719"/>
                      <a:pt x="205706" y="378025"/>
                      <a:pt x="196067" y="384911"/>
                    </a:cubicBezTo>
                    <a:cubicBezTo>
                      <a:pt x="187085" y="391579"/>
                      <a:pt x="179693" y="400170"/>
                      <a:pt x="174445" y="410057"/>
                    </a:cubicBezTo>
                    <a:cubicBezTo>
                      <a:pt x="168663" y="421906"/>
                      <a:pt x="165853" y="434984"/>
                      <a:pt x="166253" y="448157"/>
                    </a:cubicBezTo>
                    <a:cubicBezTo>
                      <a:pt x="165853" y="461121"/>
                      <a:pt x="168663" y="473980"/>
                      <a:pt x="174445" y="485590"/>
                    </a:cubicBezTo>
                    <a:cubicBezTo>
                      <a:pt x="179569" y="495458"/>
                      <a:pt x="187265" y="503755"/>
                      <a:pt x="196733" y="509594"/>
                    </a:cubicBezTo>
                    <a:cubicBezTo>
                      <a:pt x="206772" y="515670"/>
                      <a:pt x="217850" y="519833"/>
                      <a:pt x="229404" y="521881"/>
                    </a:cubicBezTo>
                    <a:cubicBezTo>
                      <a:pt x="241977" y="524195"/>
                      <a:pt x="254721" y="525376"/>
                      <a:pt x="267504" y="525405"/>
                    </a:cubicBezTo>
                    <a:cubicBezTo>
                      <a:pt x="300270" y="525405"/>
                      <a:pt x="325606" y="519881"/>
                      <a:pt x="343704" y="509022"/>
                    </a:cubicBezTo>
                    <a:cubicBezTo>
                      <a:pt x="360115" y="499564"/>
                      <a:pt x="373822" y="486048"/>
                      <a:pt x="383519" y="469779"/>
                    </a:cubicBezTo>
                    <a:cubicBezTo>
                      <a:pt x="391777" y="455482"/>
                      <a:pt x="397082" y="439680"/>
                      <a:pt x="399140" y="423297"/>
                    </a:cubicBezTo>
                    <a:cubicBezTo>
                      <a:pt x="400892" y="410895"/>
                      <a:pt x="401873" y="398389"/>
                      <a:pt x="402092" y="385864"/>
                    </a:cubicBezTo>
                    <a:close/>
                  </a:path>
                </a:pathLst>
              </a:custGeom>
              <a:solidFill>
                <a:schemeClr val="tx1"/>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grpSp>
        <p:sp>
          <p:nvSpPr>
            <p:cNvPr id="1073" name="Freeform: Shape 1072">
              <a:extLst>
                <a:ext uri="{FF2B5EF4-FFF2-40B4-BE49-F238E27FC236}">
                  <a16:creationId xmlns:a16="http://schemas.microsoft.com/office/drawing/2014/main" id="{CDFA491A-8921-64CD-B74F-5150DBDA09CD}"/>
                </a:ext>
              </a:extLst>
            </p:cNvPr>
            <p:cNvSpPr/>
            <p:nvPr/>
          </p:nvSpPr>
          <p:spPr>
            <a:xfrm>
              <a:off x="3945501" y="4551256"/>
              <a:ext cx="1388935" cy="2108930"/>
            </a:xfrm>
            <a:custGeom>
              <a:avLst/>
              <a:gdLst>
                <a:gd name="connsiteX0" fmla="*/ 532733 w 1388935"/>
                <a:gd name="connsiteY0" fmla="*/ 0 h 2108930"/>
                <a:gd name="connsiteX1" fmla="*/ 0 w 1388935"/>
                <a:gd name="connsiteY1" fmla="*/ 721138 h 2108930"/>
                <a:gd name="connsiteX2" fmla="*/ 1012412 w 1388935"/>
                <a:gd name="connsiteY2" fmla="*/ 1819275 h 2108930"/>
                <a:gd name="connsiteX3" fmla="*/ 853916 w 1388935"/>
                <a:gd name="connsiteY3" fmla="*/ 2108930 h 2108930"/>
                <a:gd name="connsiteX4" fmla="*/ 1388936 w 1388935"/>
                <a:gd name="connsiteY4" fmla="*/ 1411891 h 2108930"/>
                <a:gd name="connsiteX5" fmla="*/ 372428 w 1388935"/>
                <a:gd name="connsiteY5" fmla="*/ 263176 h 2108930"/>
                <a:gd name="connsiteX6" fmla="*/ 532733 w 1388935"/>
                <a:gd name="connsiteY6" fmla="*/ 0 h 21089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388935" h="2108930">
                  <a:moveTo>
                    <a:pt x="532733" y="0"/>
                  </a:moveTo>
                  <a:cubicBezTo>
                    <a:pt x="532733" y="0"/>
                    <a:pt x="0" y="150876"/>
                    <a:pt x="0" y="721138"/>
                  </a:cubicBezTo>
                  <a:cubicBezTo>
                    <a:pt x="0" y="1522190"/>
                    <a:pt x="1012412" y="1387316"/>
                    <a:pt x="1012412" y="1819275"/>
                  </a:cubicBezTo>
                  <a:cubicBezTo>
                    <a:pt x="1012412" y="2029682"/>
                    <a:pt x="853916" y="2108930"/>
                    <a:pt x="853916" y="2108930"/>
                  </a:cubicBezTo>
                  <a:cubicBezTo>
                    <a:pt x="853916" y="2108930"/>
                    <a:pt x="1388936" y="1957007"/>
                    <a:pt x="1388936" y="1411891"/>
                  </a:cubicBezTo>
                  <a:cubicBezTo>
                    <a:pt x="1388936" y="568928"/>
                    <a:pt x="372428" y="761429"/>
                    <a:pt x="372428" y="263176"/>
                  </a:cubicBezTo>
                  <a:cubicBezTo>
                    <a:pt x="372428" y="81248"/>
                    <a:pt x="532733" y="0"/>
                    <a:pt x="532733" y="0"/>
                  </a:cubicBezTo>
                  <a:close/>
                </a:path>
              </a:pathLst>
            </a:custGeom>
            <a:solidFill>
              <a:srgbClr val="95C93D"/>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grpSp>
      <p:grpSp>
        <p:nvGrpSpPr>
          <p:cNvPr id="1052" name="Group 1051">
            <a:extLst>
              <a:ext uri="{FF2B5EF4-FFF2-40B4-BE49-F238E27FC236}">
                <a16:creationId xmlns:a16="http://schemas.microsoft.com/office/drawing/2014/main" id="{61C4D231-9A88-D385-20B8-9A11287056A1}"/>
              </a:ext>
            </a:extLst>
          </p:cNvPr>
          <p:cNvGrpSpPr/>
          <p:nvPr/>
        </p:nvGrpSpPr>
        <p:grpSpPr>
          <a:xfrm>
            <a:off x="9588068" y="4581003"/>
            <a:ext cx="796785" cy="292665"/>
            <a:chOff x="5593537" y="3355966"/>
            <a:chExt cx="1302095" cy="446863"/>
          </a:xfrm>
        </p:grpSpPr>
        <p:sp>
          <p:nvSpPr>
            <p:cNvPr id="1070" name="Freeform: Shape 1069">
              <a:extLst>
                <a:ext uri="{FF2B5EF4-FFF2-40B4-BE49-F238E27FC236}">
                  <a16:creationId xmlns:a16="http://schemas.microsoft.com/office/drawing/2014/main" id="{8D1F0EBA-C063-FECB-9E51-06C54DC4BEFF}"/>
                </a:ext>
              </a:extLst>
            </p:cNvPr>
            <p:cNvSpPr/>
            <p:nvPr/>
          </p:nvSpPr>
          <p:spPr>
            <a:xfrm>
              <a:off x="5593537" y="3566928"/>
              <a:ext cx="875790" cy="235901"/>
            </a:xfrm>
            <a:custGeom>
              <a:avLst/>
              <a:gdLst>
                <a:gd name="connsiteX0" fmla="*/ 730087 w 875790"/>
                <a:gd name="connsiteY0" fmla="*/ 235902 h 235901"/>
                <a:gd name="connsiteX1" fmla="*/ 767644 w 875790"/>
                <a:gd name="connsiteY1" fmla="*/ 149748 h 235901"/>
                <a:gd name="connsiteX2" fmla="*/ 699969 w 875790"/>
                <a:gd name="connsiteY2" fmla="*/ 5048 h 235901"/>
                <a:gd name="connsiteX3" fmla="*/ 748216 w 875790"/>
                <a:gd name="connsiteY3" fmla="*/ 5048 h 235901"/>
                <a:gd name="connsiteX4" fmla="*/ 790629 w 875790"/>
                <a:gd name="connsiteY4" fmla="*/ 101965 h 235901"/>
                <a:gd name="connsiteX5" fmla="*/ 829805 w 875790"/>
                <a:gd name="connsiteY5" fmla="*/ 5048 h 235901"/>
                <a:gd name="connsiteX6" fmla="*/ 875790 w 875790"/>
                <a:gd name="connsiteY6" fmla="*/ 5048 h 235901"/>
                <a:gd name="connsiteX7" fmla="*/ 775738 w 875790"/>
                <a:gd name="connsiteY7" fmla="*/ 235902 h 235901"/>
                <a:gd name="connsiteX8" fmla="*/ 730087 w 875790"/>
                <a:gd name="connsiteY8" fmla="*/ 235902 h 235901"/>
                <a:gd name="connsiteX9" fmla="*/ 661131 w 875790"/>
                <a:gd name="connsiteY9" fmla="*/ 103647 h 235901"/>
                <a:gd name="connsiteX10" fmla="*/ 661131 w 875790"/>
                <a:gd name="connsiteY10" fmla="*/ 96250 h 235901"/>
                <a:gd name="connsiteX11" fmla="*/ 625194 w 875790"/>
                <a:gd name="connsiteY11" fmla="*/ 101965 h 235901"/>
                <a:gd name="connsiteX12" fmla="*/ 605446 w 875790"/>
                <a:gd name="connsiteY12" fmla="*/ 122825 h 235901"/>
                <a:gd name="connsiteX13" fmla="*/ 626156 w 875790"/>
                <a:gd name="connsiteY13" fmla="*/ 142018 h 235901"/>
                <a:gd name="connsiteX14" fmla="*/ 661131 w 875790"/>
                <a:gd name="connsiteY14" fmla="*/ 103647 h 235901"/>
                <a:gd name="connsiteX15" fmla="*/ 609982 w 875790"/>
                <a:gd name="connsiteY15" fmla="*/ 75390 h 235901"/>
                <a:gd name="connsiteX16" fmla="*/ 649157 w 875790"/>
                <a:gd name="connsiteY16" fmla="*/ 69326 h 235901"/>
                <a:gd name="connsiteX17" fmla="*/ 661131 w 875790"/>
                <a:gd name="connsiteY17" fmla="*/ 57546 h 235901"/>
                <a:gd name="connsiteX18" fmla="*/ 634266 w 875790"/>
                <a:gd name="connsiteY18" fmla="*/ 36004 h 235901"/>
                <a:gd name="connsiteX19" fmla="*/ 603812 w 875790"/>
                <a:gd name="connsiteY19" fmla="*/ 62928 h 235901"/>
                <a:gd name="connsiteX20" fmla="*/ 565599 w 875790"/>
                <a:gd name="connsiteY20" fmla="*/ 54514 h 235901"/>
                <a:gd name="connsiteX21" fmla="*/ 633930 w 875790"/>
                <a:gd name="connsiteY21" fmla="*/ 0 h 235901"/>
                <a:gd name="connsiteX22" fmla="*/ 703223 w 875790"/>
                <a:gd name="connsiteY22" fmla="*/ 62928 h 235901"/>
                <a:gd name="connsiteX23" fmla="*/ 703223 w 875790"/>
                <a:gd name="connsiteY23" fmla="*/ 144367 h 235901"/>
                <a:gd name="connsiteX24" fmla="*/ 705162 w 875790"/>
                <a:gd name="connsiteY24" fmla="*/ 170624 h 235901"/>
                <a:gd name="connsiteX25" fmla="*/ 665667 w 875790"/>
                <a:gd name="connsiteY25" fmla="*/ 170624 h 235901"/>
                <a:gd name="connsiteX26" fmla="*/ 664048 w 875790"/>
                <a:gd name="connsiteY26" fmla="*/ 150765 h 235901"/>
                <a:gd name="connsiteX27" fmla="*/ 617099 w 875790"/>
                <a:gd name="connsiteY27" fmla="*/ 175339 h 235901"/>
                <a:gd name="connsiteX28" fmla="*/ 562377 w 875790"/>
                <a:gd name="connsiteY28" fmla="*/ 125523 h 235901"/>
                <a:gd name="connsiteX29" fmla="*/ 609982 w 875790"/>
                <a:gd name="connsiteY29" fmla="*/ 75390 h 235901"/>
                <a:gd name="connsiteX30" fmla="*/ 459758 w 875790"/>
                <a:gd name="connsiteY30" fmla="*/ 5048 h 235901"/>
                <a:gd name="connsiteX31" fmla="*/ 494077 w 875790"/>
                <a:gd name="connsiteY31" fmla="*/ 111728 h 235901"/>
                <a:gd name="connsiteX32" fmla="*/ 523553 w 875790"/>
                <a:gd name="connsiteY32" fmla="*/ 5048 h 235901"/>
                <a:gd name="connsiteX33" fmla="*/ 566272 w 875790"/>
                <a:gd name="connsiteY33" fmla="*/ 5048 h 235901"/>
                <a:gd name="connsiteX34" fmla="*/ 516421 w 875790"/>
                <a:gd name="connsiteY34" fmla="*/ 170624 h 235901"/>
                <a:gd name="connsiteX35" fmla="*/ 473352 w 875790"/>
                <a:gd name="connsiteY35" fmla="*/ 170624 h 235901"/>
                <a:gd name="connsiteX36" fmla="*/ 436116 w 875790"/>
                <a:gd name="connsiteY36" fmla="*/ 57546 h 235901"/>
                <a:gd name="connsiteX37" fmla="*/ 399522 w 875790"/>
                <a:gd name="connsiteY37" fmla="*/ 170624 h 235901"/>
                <a:gd name="connsiteX38" fmla="*/ 355811 w 875790"/>
                <a:gd name="connsiteY38" fmla="*/ 170624 h 235901"/>
                <a:gd name="connsiteX39" fmla="*/ 304984 w 875790"/>
                <a:gd name="connsiteY39" fmla="*/ 5048 h 235901"/>
                <a:gd name="connsiteX40" fmla="*/ 350313 w 875790"/>
                <a:gd name="connsiteY40" fmla="*/ 5048 h 235901"/>
                <a:gd name="connsiteX41" fmla="*/ 379774 w 875790"/>
                <a:gd name="connsiteY41" fmla="*/ 111395 h 235901"/>
                <a:gd name="connsiteX42" fmla="*/ 414429 w 875790"/>
                <a:gd name="connsiteY42" fmla="*/ 5048 h 235901"/>
                <a:gd name="connsiteX43" fmla="*/ 459758 w 875790"/>
                <a:gd name="connsiteY43" fmla="*/ 5048 h 235901"/>
                <a:gd name="connsiteX44" fmla="*/ 203985 w 875790"/>
                <a:gd name="connsiteY44" fmla="*/ 87487 h 235901"/>
                <a:gd name="connsiteX45" fmla="*/ 147307 w 875790"/>
                <a:gd name="connsiteY45" fmla="*/ 5048 h 235901"/>
                <a:gd name="connsiteX46" fmla="*/ 198471 w 875790"/>
                <a:gd name="connsiteY46" fmla="*/ 5048 h 235901"/>
                <a:gd name="connsiteX47" fmla="*/ 230208 w 875790"/>
                <a:gd name="connsiteY47" fmla="*/ 54181 h 235901"/>
                <a:gd name="connsiteX48" fmla="*/ 261609 w 875790"/>
                <a:gd name="connsiteY48" fmla="*/ 5048 h 235901"/>
                <a:gd name="connsiteX49" fmla="*/ 310497 w 875790"/>
                <a:gd name="connsiteY49" fmla="*/ 5048 h 235901"/>
                <a:gd name="connsiteX50" fmla="*/ 254812 w 875790"/>
                <a:gd name="connsiteY50" fmla="*/ 86154 h 235901"/>
                <a:gd name="connsiteX51" fmla="*/ 312436 w 875790"/>
                <a:gd name="connsiteY51" fmla="*/ 170624 h 235901"/>
                <a:gd name="connsiteX52" fmla="*/ 261929 w 875790"/>
                <a:gd name="connsiteY52" fmla="*/ 170624 h 235901"/>
                <a:gd name="connsiteX53" fmla="*/ 228573 w 875790"/>
                <a:gd name="connsiteY53" fmla="*/ 119808 h 235901"/>
                <a:gd name="connsiteX54" fmla="*/ 195874 w 875790"/>
                <a:gd name="connsiteY54" fmla="*/ 170624 h 235901"/>
                <a:gd name="connsiteX55" fmla="*/ 147307 w 875790"/>
                <a:gd name="connsiteY55" fmla="*/ 170624 h 235901"/>
                <a:gd name="connsiteX56" fmla="*/ 203985 w 875790"/>
                <a:gd name="connsiteY56" fmla="*/ 87487 h 235901"/>
                <a:gd name="connsiteX57" fmla="*/ 98754 w 875790"/>
                <a:gd name="connsiteY57" fmla="*/ 103647 h 235901"/>
                <a:gd name="connsiteX58" fmla="*/ 98754 w 875790"/>
                <a:gd name="connsiteY58" fmla="*/ 96250 h 235901"/>
                <a:gd name="connsiteX59" fmla="*/ 62833 w 875790"/>
                <a:gd name="connsiteY59" fmla="*/ 101965 h 235901"/>
                <a:gd name="connsiteX60" fmla="*/ 43069 w 875790"/>
                <a:gd name="connsiteY60" fmla="*/ 122825 h 235901"/>
                <a:gd name="connsiteX61" fmla="*/ 63779 w 875790"/>
                <a:gd name="connsiteY61" fmla="*/ 142018 h 235901"/>
                <a:gd name="connsiteX62" fmla="*/ 98754 w 875790"/>
                <a:gd name="connsiteY62" fmla="*/ 103647 h 235901"/>
                <a:gd name="connsiteX63" fmla="*/ 47590 w 875790"/>
                <a:gd name="connsiteY63" fmla="*/ 75390 h 235901"/>
                <a:gd name="connsiteX64" fmla="*/ 86780 w 875790"/>
                <a:gd name="connsiteY64" fmla="*/ 69326 h 235901"/>
                <a:gd name="connsiteX65" fmla="*/ 98754 w 875790"/>
                <a:gd name="connsiteY65" fmla="*/ 57546 h 235901"/>
                <a:gd name="connsiteX66" fmla="*/ 71874 w 875790"/>
                <a:gd name="connsiteY66" fmla="*/ 36004 h 235901"/>
                <a:gd name="connsiteX67" fmla="*/ 41451 w 875790"/>
                <a:gd name="connsiteY67" fmla="*/ 62928 h 235901"/>
                <a:gd name="connsiteX68" fmla="*/ 3238 w 875790"/>
                <a:gd name="connsiteY68" fmla="*/ 54514 h 235901"/>
                <a:gd name="connsiteX69" fmla="*/ 71569 w 875790"/>
                <a:gd name="connsiteY69" fmla="*/ 0 h 235901"/>
                <a:gd name="connsiteX70" fmla="*/ 140846 w 875790"/>
                <a:gd name="connsiteY70" fmla="*/ 62928 h 235901"/>
                <a:gd name="connsiteX71" fmla="*/ 140846 w 875790"/>
                <a:gd name="connsiteY71" fmla="*/ 144367 h 235901"/>
                <a:gd name="connsiteX72" fmla="*/ 142801 w 875790"/>
                <a:gd name="connsiteY72" fmla="*/ 170624 h 235901"/>
                <a:gd name="connsiteX73" fmla="*/ 103290 w 875790"/>
                <a:gd name="connsiteY73" fmla="*/ 170624 h 235901"/>
                <a:gd name="connsiteX74" fmla="*/ 101672 w 875790"/>
                <a:gd name="connsiteY74" fmla="*/ 150765 h 235901"/>
                <a:gd name="connsiteX75" fmla="*/ 54723 w 875790"/>
                <a:gd name="connsiteY75" fmla="*/ 175339 h 235901"/>
                <a:gd name="connsiteX76" fmla="*/ 0 w 875790"/>
                <a:gd name="connsiteY76" fmla="*/ 125523 h 235901"/>
                <a:gd name="connsiteX77" fmla="*/ 47590 w 875790"/>
                <a:gd name="connsiteY77" fmla="*/ 75390 h 23590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Lst>
              <a:rect l="l" t="t" r="r" b="b"/>
              <a:pathLst>
                <a:path w="875790" h="235901">
                  <a:moveTo>
                    <a:pt x="730087" y="235902"/>
                  </a:moveTo>
                  <a:lnTo>
                    <a:pt x="767644" y="149748"/>
                  </a:lnTo>
                  <a:lnTo>
                    <a:pt x="699969" y="5048"/>
                  </a:lnTo>
                  <a:lnTo>
                    <a:pt x="748216" y="5048"/>
                  </a:lnTo>
                  <a:lnTo>
                    <a:pt x="790629" y="101965"/>
                  </a:lnTo>
                  <a:lnTo>
                    <a:pt x="829805" y="5048"/>
                  </a:lnTo>
                  <a:lnTo>
                    <a:pt x="875790" y="5048"/>
                  </a:lnTo>
                  <a:lnTo>
                    <a:pt x="775738" y="235902"/>
                  </a:lnTo>
                  <a:lnTo>
                    <a:pt x="730087" y="235902"/>
                  </a:lnTo>
                  <a:close/>
                  <a:moveTo>
                    <a:pt x="661131" y="103647"/>
                  </a:moveTo>
                  <a:lnTo>
                    <a:pt x="661131" y="96250"/>
                  </a:lnTo>
                  <a:lnTo>
                    <a:pt x="625194" y="101965"/>
                  </a:lnTo>
                  <a:cubicBezTo>
                    <a:pt x="614183" y="103647"/>
                    <a:pt x="605446" y="110029"/>
                    <a:pt x="605446" y="122825"/>
                  </a:cubicBezTo>
                  <a:cubicBezTo>
                    <a:pt x="605446" y="132588"/>
                    <a:pt x="612242" y="142018"/>
                    <a:pt x="626156" y="142018"/>
                  </a:cubicBezTo>
                  <a:cubicBezTo>
                    <a:pt x="644301" y="142018"/>
                    <a:pt x="661131" y="132937"/>
                    <a:pt x="661131" y="103647"/>
                  </a:cubicBezTo>
                  <a:close/>
                  <a:moveTo>
                    <a:pt x="609982" y="75390"/>
                  </a:moveTo>
                  <a:lnTo>
                    <a:pt x="649157" y="69326"/>
                  </a:lnTo>
                  <a:cubicBezTo>
                    <a:pt x="658214" y="67976"/>
                    <a:pt x="661131" y="63261"/>
                    <a:pt x="661131" y="57546"/>
                  </a:cubicBezTo>
                  <a:cubicBezTo>
                    <a:pt x="661131" y="45768"/>
                    <a:pt x="652395" y="36004"/>
                    <a:pt x="634266" y="36004"/>
                  </a:cubicBezTo>
                  <a:cubicBezTo>
                    <a:pt x="615481" y="36004"/>
                    <a:pt x="605110" y="48450"/>
                    <a:pt x="603812" y="62928"/>
                  </a:cubicBezTo>
                  <a:lnTo>
                    <a:pt x="565599" y="54514"/>
                  </a:lnTo>
                  <a:cubicBezTo>
                    <a:pt x="568196" y="28590"/>
                    <a:pt x="591182" y="0"/>
                    <a:pt x="633930" y="0"/>
                  </a:cubicBezTo>
                  <a:cubicBezTo>
                    <a:pt x="684452" y="0"/>
                    <a:pt x="703223" y="29607"/>
                    <a:pt x="703223" y="62928"/>
                  </a:cubicBezTo>
                  <a:lnTo>
                    <a:pt x="703223" y="144367"/>
                  </a:lnTo>
                  <a:cubicBezTo>
                    <a:pt x="703223" y="153114"/>
                    <a:pt x="704200" y="164909"/>
                    <a:pt x="705162" y="170624"/>
                  </a:cubicBezTo>
                  <a:lnTo>
                    <a:pt x="665667" y="170624"/>
                  </a:lnTo>
                  <a:cubicBezTo>
                    <a:pt x="664705" y="166243"/>
                    <a:pt x="664048" y="157163"/>
                    <a:pt x="664048" y="150765"/>
                  </a:cubicBezTo>
                  <a:cubicBezTo>
                    <a:pt x="655953" y="163893"/>
                    <a:pt x="640727" y="175339"/>
                    <a:pt x="617099" y="175339"/>
                  </a:cubicBezTo>
                  <a:cubicBezTo>
                    <a:pt x="583102" y="175339"/>
                    <a:pt x="562377" y="151448"/>
                    <a:pt x="562377" y="125523"/>
                  </a:cubicBezTo>
                  <a:cubicBezTo>
                    <a:pt x="562377" y="95917"/>
                    <a:pt x="583422" y="79422"/>
                    <a:pt x="609982" y="75390"/>
                  </a:cubicBezTo>
                  <a:close/>
                  <a:moveTo>
                    <a:pt x="459758" y="5048"/>
                  </a:moveTo>
                  <a:lnTo>
                    <a:pt x="494077" y="111728"/>
                  </a:lnTo>
                  <a:lnTo>
                    <a:pt x="523553" y="5048"/>
                  </a:lnTo>
                  <a:lnTo>
                    <a:pt x="566272" y="5048"/>
                  </a:lnTo>
                  <a:lnTo>
                    <a:pt x="516421" y="170624"/>
                  </a:lnTo>
                  <a:lnTo>
                    <a:pt x="473352" y="170624"/>
                  </a:lnTo>
                  <a:lnTo>
                    <a:pt x="436116" y="57546"/>
                  </a:lnTo>
                  <a:lnTo>
                    <a:pt x="399522" y="170624"/>
                  </a:lnTo>
                  <a:lnTo>
                    <a:pt x="355811" y="170624"/>
                  </a:lnTo>
                  <a:lnTo>
                    <a:pt x="304984" y="5048"/>
                  </a:lnTo>
                  <a:lnTo>
                    <a:pt x="350313" y="5048"/>
                  </a:lnTo>
                  <a:lnTo>
                    <a:pt x="379774" y="111395"/>
                  </a:lnTo>
                  <a:lnTo>
                    <a:pt x="414429" y="5048"/>
                  </a:lnTo>
                  <a:lnTo>
                    <a:pt x="459758" y="5048"/>
                  </a:lnTo>
                  <a:close/>
                  <a:moveTo>
                    <a:pt x="203985" y="87487"/>
                  </a:moveTo>
                  <a:lnTo>
                    <a:pt x="147307" y="5048"/>
                  </a:lnTo>
                  <a:lnTo>
                    <a:pt x="198471" y="5048"/>
                  </a:lnTo>
                  <a:cubicBezTo>
                    <a:pt x="203985" y="14128"/>
                    <a:pt x="224694" y="45085"/>
                    <a:pt x="230208" y="54181"/>
                  </a:cubicBezTo>
                  <a:lnTo>
                    <a:pt x="261609" y="5048"/>
                  </a:lnTo>
                  <a:lnTo>
                    <a:pt x="310497" y="5048"/>
                  </a:lnTo>
                  <a:lnTo>
                    <a:pt x="254812" y="86154"/>
                  </a:lnTo>
                  <a:lnTo>
                    <a:pt x="312436" y="170624"/>
                  </a:lnTo>
                  <a:lnTo>
                    <a:pt x="261929" y="170624"/>
                  </a:lnTo>
                  <a:lnTo>
                    <a:pt x="228573" y="119808"/>
                  </a:lnTo>
                  <a:cubicBezTo>
                    <a:pt x="222755" y="128889"/>
                    <a:pt x="201388" y="161544"/>
                    <a:pt x="195874" y="170624"/>
                  </a:cubicBezTo>
                  <a:lnTo>
                    <a:pt x="147307" y="170624"/>
                  </a:lnTo>
                  <a:lnTo>
                    <a:pt x="203985" y="87487"/>
                  </a:lnTo>
                  <a:close/>
                  <a:moveTo>
                    <a:pt x="98754" y="103647"/>
                  </a:moveTo>
                  <a:lnTo>
                    <a:pt x="98754" y="96250"/>
                  </a:lnTo>
                  <a:lnTo>
                    <a:pt x="62833" y="101965"/>
                  </a:lnTo>
                  <a:cubicBezTo>
                    <a:pt x="51821" y="103647"/>
                    <a:pt x="43069" y="110029"/>
                    <a:pt x="43069" y="122825"/>
                  </a:cubicBezTo>
                  <a:cubicBezTo>
                    <a:pt x="43069" y="132588"/>
                    <a:pt x="49866" y="142018"/>
                    <a:pt x="63779" y="142018"/>
                  </a:cubicBezTo>
                  <a:cubicBezTo>
                    <a:pt x="81924" y="142018"/>
                    <a:pt x="98754" y="132937"/>
                    <a:pt x="98754" y="103647"/>
                  </a:cubicBezTo>
                  <a:close/>
                  <a:moveTo>
                    <a:pt x="47590" y="75390"/>
                  </a:moveTo>
                  <a:lnTo>
                    <a:pt x="86780" y="69326"/>
                  </a:lnTo>
                  <a:cubicBezTo>
                    <a:pt x="95852" y="67976"/>
                    <a:pt x="98754" y="63261"/>
                    <a:pt x="98754" y="57546"/>
                  </a:cubicBezTo>
                  <a:cubicBezTo>
                    <a:pt x="98754" y="45768"/>
                    <a:pt x="90018" y="36004"/>
                    <a:pt x="71874" y="36004"/>
                  </a:cubicBezTo>
                  <a:cubicBezTo>
                    <a:pt x="53104" y="36004"/>
                    <a:pt x="42749" y="48450"/>
                    <a:pt x="41451" y="62928"/>
                  </a:cubicBezTo>
                  <a:lnTo>
                    <a:pt x="3238" y="54514"/>
                  </a:lnTo>
                  <a:cubicBezTo>
                    <a:pt x="5834" y="28590"/>
                    <a:pt x="28820" y="0"/>
                    <a:pt x="71569" y="0"/>
                  </a:cubicBezTo>
                  <a:cubicBezTo>
                    <a:pt x="122061" y="0"/>
                    <a:pt x="140846" y="29607"/>
                    <a:pt x="140846" y="62928"/>
                  </a:cubicBezTo>
                  <a:lnTo>
                    <a:pt x="140846" y="144367"/>
                  </a:lnTo>
                  <a:cubicBezTo>
                    <a:pt x="140846" y="153114"/>
                    <a:pt x="141808" y="164909"/>
                    <a:pt x="142801" y="170624"/>
                  </a:cubicBezTo>
                  <a:lnTo>
                    <a:pt x="103290" y="170624"/>
                  </a:lnTo>
                  <a:cubicBezTo>
                    <a:pt x="102313" y="166243"/>
                    <a:pt x="101672" y="157163"/>
                    <a:pt x="101672" y="150765"/>
                  </a:cubicBezTo>
                  <a:cubicBezTo>
                    <a:pt x="93577" y="163893"/>
                    <a:pt x="78350" y="175339"/>
                    <a:pt x="54723" y="175339"/>
                  </a:cubicBezTo>
                  <a:cubicBezTo>
                    <a:pt x="20725" y="175339"/>
                    <a:pt x="0" y="151448"/>
                    <a:pt x="0" y="125523"/>
                  </a:cubicBezTo>
                  <a:cubicBezTo>
                    <a:pt x="0" y="95917"/>
                    <a:pt x="21046" y="79422"/>
                    <a:pt x="47590" y="75390"/>
                  </a:cubicBezTo>
                  <a:close/>
                </a:path>
              </a:pathLst>
            </a:custGeom>
            <a:solidFill>
              <a:srgbClr val="4A4F54"/>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71" name="Freeform: Shape 1070">
              <a:extLst>
                <a:ext uri="{FF2B5EF4-FFF2-40B4-BE49-F238E27FC236}">
                  <a16:creationId xmlns:a16="http://schemas.microsoft.com/office/drawing/2014/main" id="{99BA7394-085E-2BFD-CB9F-1FD8A1FB18AD}"/>
                </a:ext>
              </a:extLst>
            </p:cNvPr>
            <p:cNvSpPr/>
            <p:nvPr/>
          </p:nvSpPr>
          <p:spPr>
            <a:xfrm>
              <a:off x="6493461" y="3355966"/>
              <a:ext cx="402171" cy="378257"/>
            </a:xfrm>
            <a:custGeom>
              <a:avLst/>
              <a:gdLst>
                <a:gd name="connsiteX0" fmla="*/ 364119 w 402171"/>
                <a:gd name="connsiteY0" fmla="*/ 250576 h 378257"/>
                <a:gd name="connsiteX1" fmla="*/ 43484 w 402171"/>
                <a:gd name="connsiteY1" fmla="*/ 101301 h 378257"/>
                <a:gd name="connsiteX2" fmla="*/ 43484 w 402171"/>
                <a:gd name="connsiteY2" fmla="*/ 155342 h 378257"/>
                <a:gd name="connsiteX3" fmla="*/ 298730 w 402171"/>
                <a:gd name="connsiteY3" fmla="*/ 274168 h 378257"/>
                <a:gd name="connsiteX4" fmla="*/ 364119 w 402171"/>
                <a:gd name="connsiteY4" fmla="*/ 250576 h 378257"/>
                <a:gd name="connsiteX5" fmla="*/ 81531 w 402171"/>
                <a:gd name="connsiteY5" fmla="*/ 200041 h 378257"/>
                <a:gd name="connsiteX6" fmla="*/ 81531 w 402171"/>
                <a:gd name="connsiteY6" fmla="*/ 254066 h 378257"/>
                <a:gd name="connsiteX7" fmla="*/ 139834 w 402171"/>
                <a:gd name="connsiteY7" fmla="*/ 281072 h 378257"/>
                <a:gd name="connsiteX8" fmla="*/ 46037 w 402171"/>
                <a:gd name="connsiteY8" fmla="*/ 378257 h 378257"/>
                <a:gd name="connsiteX9" fmla="*/ 108230 w 402171"/>
                <a:gd name="connsiteY9" fmla="*/ 378257 h 378257"/>
                <a:gd name="connsiteX10" fmla="*/ 219529 w 402171"/>
                <a:gd name="connsiteY10" fmla="*/ 264247 h 378257"/>
                <a:gd name="connsiteX11" fmla="*/ 81531 w 402171"/>
                <a:gd name="connsiteY11" fmla="*/ 200041 h 378257"/>
                <a:gd name="connsiteX12" fmla="*/ 364024 w 402171"/>
                <a:gd name="connsiteY12" fmla="*/ 142570 h 378257"/>
                <a:gd name="connsiteX13" fmla="*/ 364138 w 402171"/>
                <a:gd name="connsiteY13" fmla="*/ 223662 h 378257"/>
                <a:gd name="connsiteX14" fmla="*/ 0 w 402171"/>
                <a:gd name="connsiteY14" fmla="*/ 54041 h 378257"/>
                <a:gd name="connsiteX15" fmla="*/ 0 w 402171"/>
                <a:gd name="connsiteY15" fmla="*/ 0 h 378257"/>
                <a:gd name="connsiteX16" fmla="*/ 318608 w 402171"/>
                <a:gd name="connsiteY16" fmla="*/ 148499 h 378257"/>
                <a:gd name="connsiteX17" fmla="*/ 318608 w 402171"/>
                <a:gd name="connsiteY17" fmla="*/ 67361 h 378257"/>
                <a:gd name="connsiteX18" fmla="*/ 402171 w 402171"/>
                <a:gd name="connsiteY18" fmla="*/ 106269 h 378257"/>
                <a:gd name="connsiteX19" fmla="*/ 402171 w 402171"/>
                <a:gd name="connsiteY19" fmla="*/ 160340 h 378257"/>
                <a:gd name="connsiteX20" fmla="*/ 364024 w 402171"/>
                <a:gd name="connsiteY20" fmla="*/ 142570 h 3782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402171" h="378257">
                  <a:moveTo>
                    <a:pt x="364119" y="250576"/>
                  </a:moveTo>
                  <a:lnTo>
                    <a:pt x="43484" y="101301"/>
                  </a:lnTo>
                  <a:lnTo>
                    <a:pt x="43484" y="155342"/>
                  </a:lnTo>
                  <a:lnTo>
                    <a:pt x="298730" y="274168"/>
                  </a:lnTo>
                  <a:lnTo>
                    <a:pt x="364119" y="250576"/>
                  </a:lnTo>
                  <a:close/>
                  <a:moveTo>
                    <a:pt x="81531" y="200041"/>
                  </a:moveTo>
                  <a:lnTo>
                    <a:pt x="81531" y="254066"/>
                  </a:lnTo>
                  <a:lnTo>
                    <a:pt x="139834" y="281072"/>
                  </a:lnTo>
                  <a:lnTo>
                    <a:pt x="46037" y="378257"/>
                  </a:lnTo>
                  <a:lnTo>
                    <a:pt x="108230" y="378257"/>
                  </a:lnTo>
                  <a:lnTo>
                    <a:pt x="219529" y="264247"/>
                  </a:lnTo>
                  <a:lnTo>
                    <a:pt x="81531" y="200041"/>
                  </a:lnTo>
                  <a:close/>
                  <a:moveTo>
                    <a:pt x="364024" y="142570"/>
                  </a:moveTo>
                  <a:lnTo>
                    <a:pt x="364138" y="223662"/>
                  </a:lnTo>
                  <a:lnTo>
                    <a:pt x="0" y="54041"/>
                  </a:lnTo>
                  <a:lnTo>
                    <a:pt x="0" y="0"/>
                  </a:lnTo>
                  <a:lnTo>
                    <a:pt x="318608" y="148499"/>
                  </a:lnTo>
                  <a:lnTo>
                    <a:pt x="318608" y="67361"/>
                  </a:lnTo>
                  <a:lnTo>
                    <a:pt x="402171" y="106269"/>
                  </a:lnTo>
                  <a:lnTo>
                    <a:pt x="402171" y="160340"/>
                  </a:lnTo>
                  <a:lnTo>
                    <a:pt x="364024" y="142570"/>
                  </a:lnTo>
                  <a:close/>
                </a:path>
              </a:pathLst>
            </a:custGeom>
            <a:solidFill>
              <a:srgbClr val="E82C2A"/>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grpSp>
      <p:grpSp>
        <p:nvGrpSpPr>
          <p:cNvPr id="1053" name="Group 1052">
            <a:extLst>
              <a:ext uri="{FF2B5EF4-FFF2-40B4-BE49-F238E27FC236}">
                <a16:creationId xmlns:a16="http://schemas.microsoft.com/office/drawing/2014/main" id="{C555DD7E-9805-AF36-A218-9FE7919BC78E}"/>
              </a:ext>
            </a:extLst>
          </p:cNvPr>
          <p:cNvGrpSpPr/>
          <p:nvPr/>
        </p:nvGrpSpPr>
        <p:grpSpPr>
          <a:xfrm>
            <a:off x="10498087" y="5163406"/>
            <a:ext cx="889670" cy="273278"/>
            <a:chOff x="5103522" y="5875427"/>
            <a:chExt cx="2172329" cy="685799"/>
          </a:xfrm>
        </p:grpSpPr>
        <p:sp>
          <p:nvSpPr>
            <p:cNvPr id="1063" name="Freeform: Shape 1062">
              <a:extLst>
                <a:ext uri="{FF2B5EF4-FFF2-40B4-BE49-F238E27FC236}">
                  <a16:creationId xmlns:a16="http://schemas.microsoft.com/office/drawing/2014/main" id="{AB0166FB-C05D-0654-9B2B-F15EACA66E74}"/>
                </a:ext>
              </a:extLst>
            </p:cNvPr>
            <p:cNvSpPr/>
            <p:nvPr/>
          </p:nvSpPr>
          <p:spPr>
            <a:xfrm>
              <a:off x="5103522" y="5875427"/>
              <a:ext cx="685800" cy="685799"/>
            </a:xfrm>
            <a:custGeom>
              <a:avLst/>
              <a:gdLst>
                <a:gd name="connsiteX0" fmla="*/ 391162 w 685800"/>
                <a:gd name="connsiteY0" fmla="*/ 214312 h 685799"/>
                <a:gd name="connsiteX1" fmla="*/ 490375 w 685800"/>
                <a:gd name="connsiteY1" fmla="*/ 275272 h 685799"/>
                <a:gd name="connsiteX2" fmla="*/ 517464 w 685800"/>
                <a:gd name="connsiteY2" fmla="*/ 257993 h 685799"/>
                <a:gd name="connsiteX3" fmla="*/ 532590 w 685800"/>
                <a:gd name="connsiteY3" fmla="*/ 225418 h 685799"/>
                <a:gd name="connsiteX4" fmla="*/ 531418 w 685800"/>
                <a:gd name="connsiteY4" fmla="*/ 222113 h 685799"/>
                <a:gd name="connsiteX5" fmla="*/ 531418 w 685800"/>
                <a:gd name="connsiteY5" fmla="*/ 222113 h 685799"/>
                <a:gd name="connsiteX6" fmla="*/ 441188 w 685800"/>
                <a:gd name="connsiteY6" fmla="*/ 141207 h 685799"/>
                <a:gd name="connsiteX7" fmla="*/ 345461 w 685800"/>
                <a:gd name="connsiteY7" fmla="*/ 125253 h 685799"/>
                <a:gd name="connsiteX8" fmla="*/ 391181 w 685800"/>
                <a:gd name="connsiteY8" fmla="*/ 214283 h 685799"/>
                <a:gd name="connsiteX9" fmla="*/ 391181 w 685800"/>
                <a:gd name="connsiteY9" fmla="*/ 214283 h 685799"/>
                <a:gd name="connsiteX10" fmla="*/ 480002 w 685800"/>
                <a:gd name="connsiteY10" fmla="*/ 349367 h 685799"/>
                <a:gd name="connsiteX11" fmla="*/ 452580 w 685800"/>
                <a:gd name="connsiteY11" fmla="*/ 462438 h 685799"/>
                <a:gd name="connsiteX12" fmla="*/ 477402 w 685800"/>
                <a:gd name="connsiteY12" fmla="*/ 482812 h 685799"/>
                <a:gd name="connsiteX13" fmla="*/ 513044 w 685800"/>
                <a:gd name="connsiteY13" fmla="*/ 487127 h 685799"/>
                <a:gd name="connsiteX14" fmla="*/ 515902 w 685800"/>
                <a:gd name="connsiteY14" fmla="*/ 484984 h 685799"/>
                <a:gd name="connsiteX15" fmla="*/ 565051 w 685800"/>
                <a:gd name="connsiteY15" fmla="*/ 374265 h 685799"/>
                <a:gd name="connsiteX16" fmla="*/ 550668 w 685800"/>
                <a:gd name="connsiteY16" fmla="*/ 278415 h 685799"/>
                <a:gd name="connsiteX17" fmla="*/ 480002 w 685800"/>
                <a:gd name="connsiteY17" fmla="*/ 349329 h 685799"/>
                <a:gd name="connsiteX18" fmla="*/ 235086 w 685800"/>
                <a:gd name="connsiteY18" fmla="*/ 256974 h 685799"/>
                <a:gd name="connsiteX19" fmla="*/ 323821 w 685800"/>
                <a:gd name="connsiteY19" fmla="*/ 181574 h 685799"/>
                <a:gd name="connsiteX20" fmla="*/ 315734 w 685800"/>
                <a:gd name="connsiteY20" fmla="*/ 150494 h 685799"/>
                <a:gd name="connsiteX21" fmla="*/ 289445 w 685800"/>
                <a:gd name="connsiteY21" fmla="*/ 126110 h 685799"/>
                <a:gd name="connsiteX22" fmla="*/ 285930 w 685800"/>
                <a:gd name="connsiteY22" fmla="*/ 126167 h 685799"/>
                <a:gd name="connsiteX23" fmla="*/ 181003 w 685800"/>
                <a:gd name="connsiteY23" fmla="*/ 186899 h 685799"/>
                <a:gd name="connsiteX24" fmla="*/ 181003 w 685800"/>
                <a:gd name="connsiteY24" fmla="*/ 186899 h 685799"/>
                <a:gd name="connsiteX25" fmla="*/ 136235 w 685800"/>
                <a:gd name="connsiteY25" fmla="*/ 272890 h 685799"/>
                <a:gd name="connsiteX26" fmla="*/ 235076 w 685800"/>
                <a:gd name="connsiteY26" fmla="*/ 256927 h 685799"/>
                <a:gd name="connsiteX27" fmla="*/ 227466 w 685800"/>
                <a:gd name="connsiteY27" fmla="*/ 418375 h 685799"/>
                <a:gd name="connsiteX28" fmla="*/ 183098 w 685800"/>
                <a:gd name="connsiteY28" fmla="*/ 310743 h 685799"/>
                <a:gd name="connsiteX29" fmla="*/ 151018 w 685800"/>
                <a:gd name="connsiteY29" fmla="*/ 308838 h 685799"/>
                <a:gd name="connsiteX30" fmla="*/ 151018 w 685800"/>
                <a:gd name="connsiteY30" fmla="*/ 308838 h 685799"/>
                <a:gd name="connsiteX31" fmla="*/ 119671 w 685800"/>
                <a:gd name="connsiteY31" fmla="*/ 326269 h 685799"/>
                <a:gd name="connsiteX32" fmla="*/ 118643 w 685800"/>
                <a:gd name="connsiteY32" fmla="*/ 329631 h 685799"/>
                <a:gd name="connsiteX33" fmla="*/ 143970 w 685800"/>
                <a:gd name="connsiteY33" fmla="*/ 448093 h 685799"/>
                <a:gd name="connsiteX34" fmla="*/ 212045 w 685800"/>
                <a:gd name="connsiteY34" fmla="*/ 517178 h 685799"/>
                <a:gd name="connsiteX35" fmla="*/ 227475 w 685800"/>
                <a:gd name="connsiteY35" fmla="*/ 418328 h 685799"/>
                <a:gd name="connsiteX36" fmla="*/ 378828 w 685800"/>
                <a:gd name="connsiteY36" fmla="*/ 475525 h 685799"/>
                <a:gd name="connsiteX37" fmla="*/ 262680 w 685800"/>
                <a:gd name="connsiteY37" fmla="*/ 484412 h 685799"/>
                <a:gd name="connsiteX38" fmla="*/ 250926 w 685800"/>
                <a:gd name="connsiteY38" fmla="*/ 514311 h 685799"/>
                <a:gd name="connsiteX39" fmla="*/ 257860 w 685800"/>
                <a:gd name="connsiteY39" fmla="*/ 549554 h 685799"/>
                <a:gd name="connsiteX40" fmla="*/ 260717 w 685800"/>
                <a:gd name="connsiteY40" fmla="*/ 551506 h 685799"/>
                <a:gd name="connsiteX41" fmla="*/ 381390 w 685800"/>
                <a:gd name="connsiteY41" fmla="*/ 564032 h 685799"/>
                <a:gd name="connsiteX42" fmla="*/ 468220 w 685800"/>
                <a:gd name="connsiteY42" fmla="*/ 520731 h 685799"/>
                <a:gd name="connsiteX43" fmla="*/ 378837 w 685800"/>
                <a:gd name="connsiteY43" fmla="*/ 475468 h 685799"/>
                <a:gd name="connsiteX44" fmla="*/ 342480 w 685800"/>
                <a:gd name="connsiteY44" fmla="*/ 44119 h 685799"/>
                <a:gd name="connsiteX45" fmla="*/ 44062 w 685800"/>
                <a:gd name="connsiteY45" fmla="*/ 343242 h 685799"/>
                <a:gd name="connsiteX46" fmla="*/ 343185 w 685800"/>
                <a:gd name="connsiteY46" fmla="*/ 641660 h 685799"/>
                <a:gd name="connsiteX47" fmla="*/ 641603 w 685800"/>
                <a:gd name="connsiteY47" fmla="*/ 342899 h 685799"/>
                <a:gd name="connsiteX48" fmla="*/ 342480 w 685800"/>
                <a:gd name="connsiteY48" fmla="*/ 44119 h 685799"/>
                <a:gd name="connsiteX49" fmla="*/ 342480 w 685800"/>
                <a:gd name="connsiteY49" fmla="*/ -1 h 685799"/>
                <a:gd name="connsiteX50" fmla="*/ -1 w 685800"/>
                <a:gd name="connsiteY50" fmla="*/ 343318 h 685799"/>
                <a:gd name="connsiteX51" fmla="*/ 343318 w 685800"/>
                <a:gd name="connsiteY51" fmla="*/ 685798 h 685799"/>
                <a:gd name="connsiteX52" fmla="*/ 685799 w 685800"/>
                <a:gd name="connsiteY52" fmla="*/ 342899 h 685799"/>
                <a:gd name="connsiteX53" fmla="*/ 342499 w 685800"/>
                <a:gd name="connsiteY53" fmla="*/ -1 h 685799"/>
                <a:gd name="connsiteX54" fmla="*/ 342480 w 685800"/>
                <a:gd name="connsiteY54" fmla="*/ -1 h 685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Lst>
              <a:rect l="l" t="t" r="r" b="b"/>
              <a:pathLst>
                <a:path w="685800" h="685799">
                  <a:moveTo>
                    <a:pt x="391162" y="214312"/>
                  </a:moveTo>
                  <a:cubicBezTo>
                    <a:pt x="419985" y="244573"/>
                    <a:pt x="457733" y="268680"/>
                    <a:pt x="490375" y="275272"/>
                  </a:cubicBezTo>
                  <a:cubicBezTo>
                    <a:pt x="500724" y="271904"/>
                    <a:pt x="510047" y="265958"/>
                    <a:pt x="517464" y="257993"/>
                  </a:cubicBezTo>
                  <a:cubicBezTo>
                    <a:pt x="525395" y="248725"/>
                    <a:pt x="530627" y="237457"/>
                    <a:pt x="532590" y="225418"/>
                  </a:cubicBezTo>
                  <a:cubicBezTo>
                    <a:pt x="532247" y="224341"/>
                    <a:pt x="531828" y="223237"/>
                    <a:pt x="531418" y="222113"/>
                  </a:cubicBezTo>
                  <a:lnTo>
                    <a:pt x="531418" y="222113"/>
                  </a:lnTo>
                  <a:cubicBezTo>
                    <a:pt x="517416" y="184460"/>
                    <a:pt x="479878" y="157390"/>
                    <a:pt x="441188" y="141207"/>
                  </a:cubicBezTo>
                  <a:cubicBezTo>
                    <a:pt x="403088" y="125291"/>
                    <a:pt x="364188" y="119900"/>
                    <a:pt x="345461" y="125253"/>
                  </a:cubicBezTo>
                  <a:cubicBezTo>
                    <a:pt x="346128" y="154133"/>
                    <a:pt x="364911" y="186708"/>
                    <a:pt x="391181" y="214283"/>
                  </a:cubicBezTo>
                  <a:lnTo>
                    <a:pt x="391181" y="214283"/>
                  </a:lnTo>
                  <a:close/>
                  <a:moveTo>
                    <a:pt x="480002" y="349367"/>
                  </a:moveTo>
                  <a:cubicBezTo>
                    <a:pt x="460085" y="386066"/>
                    <a:pt x="448770" y="429358"/>
                    <a:pt x="452580" y="462438"/>
                  </a:cubicBezTo>
                  <a:cubicBezTo>
                    <a:pt x="458995" y="471222"/>
                    <a:pt x="467536" y="478232"/>
                    <a:pt x="477402" y="482812"/>
                  </a:cubicBezTo>
                  <a:cubicBezTo>
                    <a:pt x="488666" y="487475"/>
                    <a:pt x="500992" y="488967"/>
                    <a:pt x="513044" y="487127"/>
                  </a:cubicBezTo>
                  <a:cubicBezTo>
                    <a:pt x="514130" y="486346"/>
                    <a:pt x="515054" y="485622"/>
                    <a:pt x="515902" y="484984"/>
                  </a:cubicBezTo>
                  <a:cubicBezTo>
                    <a:pt x="547410" y="460057"/>
                    <a:pt x="561622" y="416023"/>
                    <a:pt x="565051" y="374265"/>
                  </a:cubicBezTo>
                  <a:cubicBezTo>
                    <a:pt x="568451" y="333174"/>
                    <a:pt x="561565" y="294531"/>
                    <a:pt x="550668" y="278415"/>
                  </a:cubicBezTo>
                  <a:cubicBezTo>
                    <a:pt x="523322" y="287959"/>
                    <a:pt x="498119" y="315886"/>
                    <a:pt x="480002" y="349329"/>
                  </a:cubicBezTo>
                  <a:close/>
                  <a:moveTo>
                    <a:pt x="235086" y="256974"/>
                  </a:moveTo>
                  <a:cubicBezTo>
                    <a:pt x="272814" y="238953"/>
                    <a:pt x="307428" y="210549"/>
                    <a:pt x="323821" y="181574"/>
                  </a:cubicBezTo>
                  <a:cubicBezTo>
                    <a:pt x="323819" y="170694"/>
                    <a:pt x="321035" y="159995"/>
                    <a:pt x="315734" y="150494"/>
                  </a:cubicBezTo>
                  <a:cubicBezTo>
                    <a:pt x="309362" y="140119"/>
                    <a:pt x="300270" y="131685"/>
                    <a:pt x="289445" y="126110"/>
                  </a:cubicBezTo>
                  <a:lnTo>
                    <a:pt x="285930" y="126167"/>
                  </a:lnTo>
                  <a:cubicBezTo>
                    <a:pt x="245754" y="127825"/>
                    <a:pt x="208378" y="155114"/>
                    <a:pt x="181003" y="186899"/>
                  </a:cubicBezTo>
                  <a:lnTo>
                    <a:pt x="181003" y="186899"/>
                  </a:lnTo>
                  <a:cubicBezTo>
                    <a:pt x="154095" y="218112"/>
                    <a:pt x="136912" y="253450"/>
                    <a:pt x="136235" y="272890"/>
                  </a:cubicBezTo>
                  <a:cubicBezTo>
                    <a:pt x="163915" y="281130"/>
                    <a:pt x="200739" y="273367"/>
                    <a:pt x="235076" y="256927"/>
                  </a:cubicBezTo>
                  <a:close/>
                  <a:moveTo>
                    <a:pt x="227466" y="418375"/>
                  </a:moveTo>
                  <a:cubicBezTo>
                    <a:pt x="221960" y="376961"/>
                    <a:pt x="205615" y="335308"/>
                    <a:pt x="183098" y="310743"/>
                  </a:cubicBezTo>
                  <a:cubicBezTo>
                    <a:pt x="172739" y="307399"/>
                    <a:pt x="161700" y="306743"/>
                    <a:pt x="151018" y="308838"/>
                  </a:cubicBezTo>
                  <a:lnTo>
                    <a:pt x="151018" y="308838"/>
                  </a:lnTo>
                  <a:cubicBezTo>
                    <a:pt x="139170" y="311669"/>
                    <a:pt x="128328" y="317698"/>
                    <a:pt x="119671" y="326269"/>
                  </a:cubicBezTo>
                  <a:lnTo>
                    <a:pt x="118643" y="329631"/>
                  </a:lnTo>
                  <a:cubicBezTo>
                    <a:pt x="107775" y="368350"/>
                    <a:pt x="122224" y="412298"/>
                    <a:pt x="143970" y="448093"/>
                  </a:cubicBezTo>
                  <a:cubicBezTo>
                    <a:pt x="165372" y="483336"/>
                    <a:pt x="193719" y="510530"/>
                    <a:pt x="212045" y="517178"/>
                  </a:cubicBezTo>
                  <a:cubicBezTo>
                    <a:pt x="228542" y="493394"/>
                    <a:pt x="232552" y="456047"/>
                    <a:pt x="227475" y="418328"/>
                  </a:cubicBezTo>
                  <a:close/>
                  <a:moveTo>
                    <a:pt x="378828" y="475525"/>
                  </a:moveTo>
                  <a:cubicBezTo>
                    <a:pt x="337699" y="467972"/>
                    <a:pt x="292988" y="470601"/>
                    <a:pt x="262680" y="484412"/>
                  </a:cubicBezTo>
                  <a:cubicBezTo>
                    <a:pt x="256276" y="493213"/>
                    <a:pt x="252230" y="503506"/>
                    <a:pt x="250926" y="514311"/>
                  </a:cubicBezTo>
                  <a:cubicBezTo>
                    <a:pt x="249963" y="526473"/>
                    <a:pt x="252361" y="538664"/>
                    <a:pt x="257860" y="549554"/>
                  </a:cubicBezTo>
                  <a:cubicBezTo>
                    <a:pt x="258812" y="550258"/>
                    <a:pt x="259765" y="550906"/>
                    <a:pt x="260717" y="551506"/>
                  </a:cubicBezTo>
                  <a:cubicBezTo>
                    <a:pt x="294207" y="573776"/>
                    <a:pt x="340527" y="573633"/>
                    <a:pt x="381390" y="564032"/>
                  </a:cubicBezTo>
                  <a:cubicBezTo>
                    <a:pt x="421547" y="554554"/>
                    <a:pt x="456228" y="536076"/>
                    <a:pt x="468220" y="520731"/>
                  </a:cubicBezTo>
                  <a:cubicBezTo>
                    <a:pt x="450675" y="497671"/>
                    <a:pt x="416308" y="482336"/>
                    <a:pt x="378837" y="475468"/>
                  </a:cubicBezTo>
                  <a:close/>
                  <a:moveTo>
                    <a:pt x="342480" y="44119"/>
                  </a:moveTo>
                  <a:cubicBezTo>
                    <a:pt x="177474" y="44314"/>
                    <a:pt x="43867" y="178236"/>
                    <a:pt x="44062" y="343242"/>
                  </a:cubicBezTo>
                  <a:cubicBezTo>
                    <a:pt x="44257" y="508248"/>
                    <a:pt x="178179" y="641855"/>
                    <a:pt x="343185" y="641660"/>
                  </a:cubicBezTo>
                  <a:cubicBezTo>
                    <a:pt x="508050" y="641465"/>
                    <a:pt x="641598" y="507765"/>
                    <a:pt x="641603" y="342899"/>
                  </a:cubicBezTo>
                  <a:cubicBezTo>
                    <a:pt x="641509" y="177793"/>
                    <a:pt x="507586" y="44024"/>
                    <a:pt x="342480" y="44119"/>
                  </a:cubicBezTo>
                  <a:close/>
                  <a:moveTo>
                    <a:pt x="342480" y="-1"/>
                  </a:moveTo>
                  <a:cubicBezTo>
                    <a:pt x="153102" y="231"/>
                    <a:pt x="-232" y="153939"/>
                    <a:pt x="-1" y="343318"/>
                  </a:cubicBezTo>
                  <a:cubicBezTo>
                    <a:pt x="231" y="532696"/>
                    <a:pt x="153940" y="686030"/>
                    <a:pt x="343318" y="685798"/>
                  </a:cubicBezTo>
                  <a:cubicBezTo>
                    <a:pt x="532532" y="685568"/>
                    <a:pt x="685799" y="532114"/>
                    <a:pt x="685799" y="342899"/>
                  </a:cubicBezTo>
                  <a:cubicBezTo>
                    <a:pt x="685689" y="153411"/>
                    <a:pt x="531989" y="-111"/>
                    <a:pt x="342499" y="-1"/>
                  </a:cubicBezTo>
                  <a:cubicBezTo>
                    <a:pt x="342492" y="-1"/>
                    <a:pt x="342487" y="-1"/>
                    <a:pt x="342480" y="-1"/>
                  </a:cubicBez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64" name="Freeform: Shape 1063">
              <a:extLst>
                <a:ext uri="{FF2B5EF4-FFF2-40B4-BE49-F238E27FC236}">
                  <a16:creationId xmlns:a16="http://schemas.microsoft.com/office/drawing/2014/main" id="{7A6590CF-E230-9A42-2C31-01AFA4D611E2}"/>
                </a:ext>
              </a:extLst>
            </p:cNvPr>
            <p:cNvSpPr/>
            <p:nvPr/>
          </p:nvSpPr>
          <p:spPr>
            <a:xfrm>
              <a:off x="7073425" y="6146852"/>
              <a:ext cx="202426" cy="230845"/>
            </a:xfrm>
            <a:custGeom>
              <a:avLst/>
              <a:gdLst>
                <a:gd name="connsiteX0" fmla="*/ 15307 w 202426"/>
                <a:gd name="connsiteY0" fmla="*/ 49291 h 230845"/>
                <a:gd name="connsiteX1" fmla="*/ 9925 w 202426"/>
                <a:gd name="connsiteY1" fmla="*/ 10753 h 230845"/>
                <a:gd name="connsiteX2" fmla="*/ 119844 w 202426"/>
                <a:gd name="connsiteY2" fmla="*/ -1 h 230845"/>
                <a:gd name="connsiteX3" fmla="*/ 182423 w 202426"/>
                <a:gd name="connsiteY3" fmla="*/ 17020 h 230845"/>
                <a:gd name="connsiteX4" fmla="*/ 202426 w 202426"/>
                <a:gd name="connsiteY4" fmla="*/ 76628 h 230845"/>
                <a:gd name="connsiteX5" fmla="*/ 202426 w 202426"/>
                <a:gd name="connsiteY5" fmla="*/ 225846 h 230845"/>
                <a:gd name="connsiteX6" fmla="*/ 159353 w 202426"/>
                <a:gd name="connsiteY6" fmla="*/ 225846 h 230845"/>
                <a:gd name="connsiteX7" fmla="*/ 153524 w 202426"/>
                <a:gd name="connsiteY7" fmla="*/ 192242 h 230845"/>
                <a:gd name="connsiteX8" fmla="*/ 69628 w 202426"/>
                <a:gd name="connsiteY8" fmla="*/ 230771 h 230845"/>
                <a:gd name="connsiteX9" fmla="*/ 19384 w 202426"/>
                <a:gd name="connsiteY9" fmla="*/ 213978 h 230845"/>
                <a:gd name="connsiteX10" fmla="*/ 86 w 202426"/>
                <a:gd name="connsiteY10" fmla="*/ 167144 h 230845"/>
                <a:gd name="connsiteX11" fmla="*/ 86 w 202426"/>
                <a:gd name="connsiteY11" fmla="*/ 144731 h 230845"/>
                <a:gd name="connsiteX12" fmla="*/ 17136 w 202426"/>
                <a:gd name="connsiteY12" fmla="*/ 103955 h 230845"/>
                <a:gd name="connsiteX13" fmla="*/ 65142 w 202426"/>
                <a:gd name="connsiteY13" fmla="*/ 89610 h 230845"/>
                <a:gd name="connsiteX14" fmla="*/ 147647 w 202426"/>
                <a:gd name="connsiteY14" fmla="*/ 89610 h 230845"/>
                <a:gd name="connsiteX15" fmla="*/ 147647 w 202426"/>
                <a:gd name="connsiteY15" fmla="*/ 76171 h 230845"/>
                <a:gd name="connsiteX16" fmla="*/ 139122 w 202426"/>
                <a:gd name="connsiteY16" fmla="*/ 51082 h 230845"/>
                <a:gd name="connsiteX17" fmla="*/ 107261 w 202426"/>
                <a:gd name="connsiteY17" fmla="*/ 44805 h 230845"/>
                <a:gd name="connsiteX18" fmla="*/ 15297 w 202426"/>
                <a:gd name="connsiteY18" fmla="*/ 49291 h 230845"/>
                <a:gd name="connsiteX19" fmla="*/ 15297 w 202426"/>
                <a:gd name="connsiteY19" fmla="*/ 49291 h 230845"/>
                <a:gd name="connsiteX20" fmla="*/ 54302 w 202426"/>
                <a:gd name="connsiteY20" fmla="*/ 151485 h 230845"/>
                <a:gd name="connsiteX21" fmla="*/ 54302 w 202426"/>
                <a:gd name="connsiteY21" fmla="*/ 159991 h 230845"/>
                <a:gd name="connsiteX22" fmla="*/ 83011 w 202426"/>
                <a:gd name="connsiteY22" fmla="*/ 186880 h 230845"/>
                <a:gd name="connsiteX23" fmla="*/ 147619 w 202426"/>
                <a:gd name="connsiteY23" fmla="*/ 160886 h 230845"/>
                <a:gd name="connsiteX24" fmla="*/ 147619 w 202426"/>
                <a:gd name="connsiteY24" fmla="*/ 126805 h 230845"/>
                <a:gd name="connsiteX25" fmla="*/ 77629 w 202426"/>
                <a:gd name="connsiteY25" fmla="*/ 126805 h 230845"/>
                <a:gd name="connsiteX26" fmla="*/ 59455 w 202426"/>
                <a:gd name="connsiteY26" fmla="*/ 133530 h 230845"/>
                <a:gd name="connsiteX27" fmla="*/ 54302 w 202426"/>
                <a:gd name="connsiteY27" fmla="*/ 151485 h 23084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Lst>
              <a:rect l="l" t="t" r="r" b="b"/>
              <a:pathLst>
                <a:path w="202426" h="230845">
                  <a:moveTo>
                    <a:pt x="15307" y="49291"/>
                  </a:moveTo>
                  <a:lnTo>
                    <a:pt x="9925" y="10753"/>
                  </a:lnTo>
                  <a:cubicBezTo>
                    <a:pt x="46158" y="3810"/>
                    <a:pt x="82953" y="210"/>
                    <a:pt x="119844" y="-1"/>
                  </a:cubicBezTo>
                  <a:cubicBezTo>
                    <a:pt x="148257" y="-1"/>
                    <a:pt x="169117" y="5673"/>
                    <a:pt x="182423" y="17020"/>
                  </a:cubicBezTo>
                  <a:cubicBezTo>
                    <a:pt x="195729" y="28367"/>
                    <a:pt x="202397" y="48237"/>
                    <a:pt x="202426" y="76628"/>
                  </a:cubicBezTo>
                  <a:lnTo>
                    <a:pt x="202426" y="225846"/>
                  </a:lnTo>
                  <a:lnTo>
                    <a:pt x="159353" y="225846"/>
                  </a:lnTo>
                  <a:lnTo>
                    <a:pt x="153524" y="192242"/>
                  </a:lnTo>
                  <a:cubicBezTo>
                    <a:pt x="132683" y="216926"/>
                    <a:pt x="101937" y="231048"/>
                    <a:pt x="69628" y="230771"/>
                  </a:cubicBezTo>
                  <a:cubicBezTo>
                    <a:pt x="51378" y="231588"/>
                    <a:pt x="33471" y="225604"/>
                    <a:pt x="19384" y="213978"/>
                  </a:cubicBezTo>
                  <a:cubicBezTo>
                    <a:pt x="6210" y="202078"/>
                    <a:pt x="-876" y="184867"/>
                    <a:pt x="86" y="167144"/>
                  </a:cubicBezTo>
                  <a:lnTo>
                    <a:pt x="86" y="144731"/>
                  </a:lnTo>
                  <a:cubicBezTo>
                    <a:pt x="-819" y="129237"/>
                    <a:pt x="5467" y="114191"/>
                    <a:pt x="17136" y="103955"/>
                  </a:cubicBezTo>
                  <a:cubicBezTo>
                    <a:pt x="30928" y="93618"/>
                    <a:pt x="47939" y="88533"/>
                    <a:pt x="65142" y="89610"/>
                  </a:cubicBezTo>
                  <a:lnTo>
                    <a:pt x="147647" y="89610"/>
                  </a:lnTo>
                  <a:lnTo>
                    <a:pt x="147647" y="76171"/>
                  </a:lnTo>
                  <a:cubicBezTo>
                    <a:pt x="148609" y="66964"/>
                    <a:pt x="145495" y="57798"/>
                    <a:pt x="139122" y="51082"/>
                  </a:cubicBezTo>
                  <a:cubicBezTo>
                    <a:pt x="129359" y="45878"/>
                    <a:pt x="118272" y="43693"/>
                    <a:pt x="107261" y="44805"/>
                  </a:cubicBezTo>
                  <a:cubicBezTo>
                    <a:pt x="84239" y="44805"/>
                    <a:pt x="53588" y="46300"/>
                    <a:pt x="15297" y="49291"/>
                  </a:cubicBezTo>
                  <a:lnTo>
                    <a:pt x="15297" y="49291"/>
                  </a:lnTo>
                  <a:close/>
                  <a:moveTo>
                    <a:pt x="54302" y="151485"/>
                  </a:moveTo>
                  <a:lnTo>
                    <a:pt x="54302" y="159991"/>
                  </a:lnTo>
                  <a:cubicBezTo>
                    <a:pt x="54302" y="177917"/>
                    <a:pt x="63875" y="186880"/>
                    <a:pt x="83011" y="186880"/>
                  </a:cubicBezTo>
                  <a:cubicBezTo>
                    <a:pt x="106928" y="186076"/>
                    <a:pt x="129807" y="176873"/>
                    <a:pt x="147619" y="160886"/>
                  </a:cubicBezTo>
                  <a:lnTo>
                    <a:pt x="147619" y="126805"/>
                  </a:lnTo>
                  <a:lnTo>
                    <a:pt x="77629" y="126805"/>
                  </a:lnTo>
                  <a:cubicBezTo>
                    <a:pt x="70885" y="126340"/>
                    <a:pt x="64265" y="128789"/>
                    <a:pt x="59455" y="133530"/>
                  </a:cubicBezTo>
                  <a:cubicBezTo>
                    <a:pt x="55702" y="138732"/>
                    <a:pt x="53874" y="145082"/>
                    <a:pt x="54302" y="151485"/>
                  </a:cubicBez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65" name="Freeform: Shape 1064">
              <a:extLst>
                <a:ext uri="{FF2B5EF4-FFF2-40B4-BE49-F238E27FC236}">
                  <a16:creationId xmlns:a16="http://schemas.microsoft.com/office/drawing/2014/main" id="{40F859B4-B44A-EACA-1D18-322CE1F308C6}"/>
                </a:ext>
              </a:extLst>
            </p:cNvPr>
            <p:cNvSpPr/>
            <p:nvPr/>
          </p:nvSpPr>
          <p:spPr>
            <a:xfrm>
              <a:off x="6827690" y="6146720"/>
              <a:ext cx="205175" cy="225979"/>
            </a:xfrm>
            <a:custGeom>
              <a:avLst/>
              <a:gdLst>
                <a:gd name="connsiteX0" fmla="*/ 45776 w 205175"/>
                <a:gd name="connsiteY0" fmla="*/ 6398 h 225979"/>
                <a:gd name="connsiteX1" fmla="*/ 49358 w 205175"/>
                <a:gd name="connsiteY1" fmla="*/ 38669 h 225979"/>
                <a:gd name="connsiteX2" fmla="*/ 144465 w 205175"/>
                <a:gd name="connsiteY2" fmla="*/ 131 h 225979"/>
                <a:gd name="connsiteX3" fmla="*/ 189337 w 205175"/>
                <a:gd name="connsiteY3" fmla="*/ 15809 h 225979"/>
                <a:gd name="connsiteX4" fmla="*/ 205034 w 205175"/>
                <a:gd name="connsiteY4" fmla="*/ 61062 h 225979"/>
                <a:gd name="connsiteX5" fmla="*/ 205034 w 205175"/>
                <a:gd name="connsiteY5" fmla="*/ 225978 h 225979"/>
                <a:gd name="connsiteX6" fmla="*/ 150304 w 205175"/>
                <a:gd name="connsiteY6" fmla="*/ 225978 h 225979"/>
                <a:gd name="connsiteX7" fmla="*/ 150304 w 205175"/>
                <a:gd name="connsiteY7" fmla="*/ 77655 h 225979"/>
                <a:gd name="connsiteX8" fmla="*/ 145370 w 205175"/>
                <a:gd name="connsiteY8" fmla="*/ 52776 h 225979"/>
                <a:gd name="connsiteX9" fmla="*/ 126977 w 205175"/>
                <a:gd name="connsiteY9" fmla="*/ 46280 h 225979"/>
                <a:gd name="connsiteX10" fmla="*/ 95802 w 205175"/>
                <a:gd name="connsiteY10" fmla="*/ 52556 h 225979"/>
                <a:gd name="connsiteX11" fmla="*/ 54739 w 205175"/>
                <a:gd name="connsiteY11" fmla="*/ 73169 h 225979"/>
                <a:gd name="connsiteX12" fmla="*/ 54739 w 205175"/>
                <a:gd name="connsiteY12" fmla="*/ 225978 h 225979"/>
                <a:gd name="connsiteX13" fmla="*/ -1 w 205175"/>
                <a:gd name="connsiteY13" fmla="*/ 225978 h 225979"/>
                <a:gd name="connsiteX14" fmla="*/ -1 w 205175"/>
                <a:gd name="connsiteY14" fmla="*/ 6398 h 225979"/>
                <a:gd name="connsiteX15" fmla="*/ 45719 w 205175"/>
                <a:gd name="connsiteY15" fmla="*/ 6398 h 2259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205175" h="225979">
                  <a:moveTo>
                    <a:pt x="45776" y="6398"/>
                  </a:moveTo>
                  <a:lnTo>
                    <a:pt x="49358" y="38669"/>
                  </a:lnTo>
                  <a:cubicBezTo>
                    <a:pt x="83467" y="12977"/>
                    <a:pt x="115176" y="131"/>
                    <a:pt x="144465" y="131"/>
                  </a:cubicBezTo>
                  <a:cubicBezTo>
                    <a:pt x="160934" y="-955"/>
                    <a:pt x="177126" y="4705"/>
                    <a:pt x="189337" y="15809"/>
                  </a:cubicBezTo>
                  <a:cubicBezTo>
                    <a:pt x="200491" y="28137"/>
                    <a:pt x="206158" y="44473"/>
                    <a:pt x="205034" y="61062"/>
                  </a:cubicBezTo>
                  <a:lnTo>
                    <a:pt x="205034" y="225978"/>
                  </a:lnTo>
                  <a:lnTo>
                    <a:pt x="150304" y="225978"/>
                  </a:lnTo>
                  <a:lnTo>
                    <a:pt x="150304" y="77655"/>
                  </a:lnTo>
                  <a:cubicBezTo>
                    <a:pt x="151142" y="69057"/>
                    <a:pt x="149427" y="60403"/>
                    <a:pt x="145370" y="52776"/>
                  </a:cubicBezTo>
                  <a:cubicBezTo>
                    <a:pt x="140598" y="47849"/>
                    <a:pt x="133787" y="45445"/>
                    <a:pt x="126977" y="46280"/>
                  </a:cubicBezTo>
                  <a:cubicBezTo>
                    <a:pt x="116280" y="46385"/>
                    <a:pt x="105708" y="48515"/>
                    <a:pt x="95802" y="52556"/>
                  </a:cubicBezTo>
                  <a:cubicBezTo>
                    <a:pt x="81657" y="58484"/>
                    <a:pt x="67941" y="65370"/>
                    <a:pt x="54739" y="73169"/>
                  </a:cubicBezTo>
                  <a:lnTo>
                    <a:pt x="54739" y="225978"/>
                  </a:lnTo>
                  <a:lnTo>
                    <a:pt x="-1" y="225978"/>
                  </a:lnTo>
                  <a:lnTo>
                    <a:pt x="-1" y="6398"/>
                  </a:lnTo>
                  <a:lnTo>
                    <a:pt x="45719" y="6398"/>
                  </a:ln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66" name="Freeform: Shape 1065">
              <a:extLst>
                <a:ext uri="{FF2B5EF4-FFF2-40B4-BE49-F238E27FC236}">
                  <a16:creationId xmlns:a16="http://schemas.microsoft.com/office/drawing/2014/main" id="{B91F528C-6EB2-5201-E2C8-26BACACB8580}"/>
                </a:ext>
              </a:extLst>
            </p:cNvPr>
            <p:cNvSpPr/>
            <p:nvPr/>
          </p:nvSpPr>
          <p:spPr>
            <a:xfrm>
              <a:off x="6571163" y="6146890"/>
              <a:ext cx="217141" cy="231676"/>
            </a:xfrm>
            <a:custGeom>
              <a:avLst/>
              <a:gdLst>
                <a:gd name="connsiteX0" fmla="*/ 109013 w 217141"/>
                <a:gd name="connsiteY0" fmla="*/ -1 h 231676"/>
                <a:gd name="connsiteX1" fmla="*/ 192690 w 217141"/>
                <a:gd name="connsiteY1" fmla="*/ 26431 h 231676"/>
                <a:gd name="connsiteX2" fmla="*/ 217141 w 217141"/>
                <a:gd name="connsiteY2" fmla="*/ 116061 h 231676"/>
                <a:gd name="connsiteX3" fmla="*/ 192690 w 217141"/>
                <a:gd name="connsiteY3" fmla="*/ 205463 h 231676"/>
                <a:gd name="connsiteX4" fmla="*/ 109013 w 217141"/>
                <a:gd name="connsiteY4" fmla="*/ 231676 h 231676"/>
                <a:gd name="connsiteX5" fmla="*/ 24669 w 217141"/>
                <a:gd name="connsiteY5" fmla="*/ 205463 h 231676"/>
                <a:gd name="connsiteX6" fmla="*/ -1 w 217141"/>
                <a:gd name="connsiteY6" fmla="*/ 116061 h 231676"/>
                <a:gd name="connsiteX7" fmla="*/ 24669 w 217141"/>
                <a:gd name="connsiteY7" fmla="*/ 26431 h 231676"/>
                <a:gd name="connsiteX8" fmla="*/ 109013 w 217141"/>
                <a:gd name="connsiteY8" fmla="*/ -1 h 231676"/>
                <a:gd name="connsiteX9" fmla="*/ 109013 w 217141"/>
                <a:gd name="connsiteY9" fmla="*/ -1 h 231676"/>
                <a:gd name="connsiteX10" fmla="*/ 109013 w 217141"/>
                <a:gd name="connsiteY10" fmla="*/ 43462 h 231676"/>
                <a:gd name="connsiteX11" fmla="*/ 67741 w 217141"/>
                <a:gd name="connsiteY11" fmla="*/ 58483 h 231676"/>
                <a:gd name="connsiteX12" fmla="*/ 56968 w 217141"/>
                <a:gd name="connsiteY12" fmla="*/ 116061 h 231676"/>
                <a:gd name="connsiteX13" fmla="*/ 67741 w 217141"/>
                <a:gd name="connsiteY13" fmla="*/ 173211 h 231676"/>
                <a:gd name="connsiteX14" fmla="*/ 109013 w 217141"/>
                <a:gd name="connsiteY14" fmla="*/ 188223 h 231676"/>
                <a:gd name="connsiteX15" fmla="*/ 149618 w 217141"/>
                <a:gd name="connsiteY15" fmla="*/ 173211 h 231676"/>
                <a:gd name="connsiteX16" fmla="*/ 160610 w 217141"/>
                <a:gd name="connsiteY16" fmla="*/ 116061 h 231676"/>
                <a:gd name="connsiteX17" fmla="*/ 149618 w 217141"/>
                <a:gd name="connsiteY17" fmla="*/ 58483 h 231676"/>
                <a:gd name="connsiteX18" fmla="*/ 109013 w 217141"/>
                <a:gd name="connsiteY18" fmla="*/ 43424 h 231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217141" h="231676">
                  <a:moveTo>
                    <a:pt x="109013" y="-1"/>
                  </a:moveTo>
                  <a:cubicBezTo>
                    <a:pt x="148504" y="-1"/>
                    <a:pt x="176393" y="8810"/>
                    <a:pt x="192690" y="26431"/>
                  </a:cubicBezTo>
                  <a:cubicBezTo>
                    <a:pt x="208987" y="44052"/>
                    <a:pt x="217131" y="73929"/>
                    <a:pt x="217141" y="116061"/>
                  </a:cubicBezTo>
                  <a:cubicBezTo>
                    <a:pt x="217141" y="158187"/>
                    <a:pt x="208987" y="187987"/>
                    <a:pt x="192690" y="205463"/>
                  </a:cubicBezTo>
                  <a:cubicBezTo>
                    <a:pt x="176393" y="222938"/>
                    <a:pt x="148494" y="231676"/>
                    <a:pt x="109013" y="231676"/>
                  </a:cubicBezTo>
                  <a:cubicBezTo>
                    <a:pt x="69236" y="231676"/>
                    <a:pt x="41119" y="222938"/>
                    <a:pt x="24669" y="205463"/>
                  </a:cubicBezTo>
                  <a:cubicBezTo>
                    <a:pt x="8219" y="187987"/>
                    <a:pt x="-10" y="158187"/>
                    <a:pt x="-1" y="116061"/>
                  </a:cubicBezTo>
                  <a:cubicBezTo>
                    <a:pt x="-1" y="73942"/>
                    <a:pt x="8219" y="44065"/>
                    <a:pt x="24669" y="26431"/>
                  </a:cubicBezTo>
                  <a:cubicBezTo>
                    <a:pt x="41119" y="8797"/>
                    <a:pt x="69227" y="-13"/>
                    <a:pt x="109013" y="-1"/>
                  </a:cubicBezTo>
                  <a:lnTo>
                    <a:pt x="109013" y="-1"/>
                  </a:lnTo>
                  <a:close/>
                  <a:moveTo>
                    <a:pt x="109013" y="43462"/>
                  </a:moveTo>
                  <a:cubicBezTo>
                    <a:pt x="88696" y="43462"/>
                    <a:pt x="74932" y="48469"/>
                    <a:pt x="67741" y="58483"/>
                  </a:cubicBezTo>
                  <a:cubicBezTo>
                    <a:pt x="60550" y="68496"/>
                    <a:pt x="56959" y="87689"/>
                    <a:pt x="56968" y="116061"/>
                  </a:cubicBezTo>
                  <a:cubicBezTo>
                    <a:pt x="56968" y="144141"/>
                    <a:pt x="60559" y="163191"/>
                    <a:pt x="67741" y="173211"/>
                  </a:cubicBezTo>
                  <a:cubicBezTo>
                    <a:pt x="74923" y="183232"/>
                    <a:pt x="88677" y="188235"/>
                    <a:pt x="109013" y="188223"/>
                  </a:cubicBezTo>
                  <a:cubicBezTo>
                    <a:pt x="128749" y="188223"/>
                    <a:pt x="142284" y="183219"/>
                    <a:pt x="149618" y="173211"/>
                  </a:cubicBezTo>
                  <a:cubicBezTo>
                    <a:pt x="156952" y="163203"/>
                    <a:pt x="160619" y="144153"/>
                    <a:pt x="160610" y="116061"/>
                  </a:cubicBezTo>
                  <a:cubicBezTo>
                    <a:pt x="160610" y="87677"/>
                    <a:pt x="156943" y="68484"/>
                    <a:pt x="149618" y="58483"/>
                  </a:cubicBezTo>
                  <a:cubicBezTo>
                    <a:pt x="142293" y="48481"/>
                    <a:pt x="128758" y="43462"/>
                    <a:pt x="109013" y="43424"/>
                  </a:cubicBez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67" name="Freeform: Shape 1066">
              <a:extLst>
                <a:ext uri="{FF2B5EF4-FFF2-40B4-BE49-F238E27FC236}">
                  <a16:creationId xmlns:a16="http://schemas.microsoft.com/office/drawing/2014/main" id="{F110245D-F57A-DC7A-3059-42EC7D6F4BA1}"/>
                </a:ext>
              </a:extLst>
            </p:cNvPr>
            <p:cNvSpPr/>
            <p:nvPr/>
          </p:nvSpPr>
          <p:spPr>
            <a:xfrm>
              <a:off x="6407942" y="6146852"/>
              <a:ext cx="148932" cy="225847"/>
            </a:xfrm>
            <a:custGeom>
              <a:avLst/>
              <a:gdLst>
                <a:gd name="connsiteX0" fmla="*/ 148932 w 148932"/>
                <a:gd name="connsiteY0" fmla="*/ 37 h 225847"/>
                <a:gd name="connsiteX1" fmla="*/ 143112 w 148932"/>
                <a:gd name="connsiteY1" fmla="*/ 51129 h 225847"/>
                <a:gd name="connsiteX2" fmla="*/ 127415 w 148932"/>
                <a:gd name="connsiteY2" fmla="*/ 51129 h 225847"/>
                <a:gd name="connsiteX3" fmla="*/ 54720 w 148932"/>
                <a:gd name="connsiteY3" fmla="*/ 70837 h 225847"/>
                <a:gd name="connsiteX4" fmla="*/ 54720 w 148932"/>
                <a:gd name="connsiteY4" fmla="*/ 225846 h 225847"/>
                <a:gd name="connsiteX5" fmla="*/ -1 w 148932"/>
                <a:gd name="connsiteY5" fmla="*/ 225846 h 225847"/>
                <a:gd name="connsiteX6" fmla="*/ -1 w 148932"/>
                <a:gd name="connsiteY6" fmla="*/ 6267 h 225847"/>
                <a:gd name="connsiteX7" fmla="*/ 42614 w 148932"/>
                <a:gd name="connsiteY7" fmla="*/ 6267 h 225847"/>
                <a:gd name="connsiteX8" fmla="*/ 47548 w 148932"/>
                <a:gd name="connsiteY8" fmla="*/ 38537 h 225847"/>
                <a:gd name="connsiteX9" fmla="*/ 138169 w 148932"/>
                <a:gd name="connsiteY9" fmla="*/ -1 h 225847"/>
                <a:gd name="connsiteX10" fmla="*/ 148932 w 148932"/>
                <a:gd name="connsiteY10" fmla="*/ -1 h 22584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148932" h="225847">
                  <a:moveTo>
                    <a:pt x="148932" y="37"/>
                  </a:moveTo>
                  <a:lnTo>
                    <a:pt x="143112" y="51129"/>
                  </a:lnTo>
                  <a:lnTo>
                    <a:pt x="127415" y="51129"/>
                  </a:lnTo>
                  <a:cubicBezTo>
                    <a:pt x="111861" y="51129"/>
                    <a:pt x="87629" y="57699"/>
                    <a:pt x="54720" y="70837"/>
                  </a:cubicBezTo>
                  <a:lnTo>
                    <a:pt x="54720" y="225846"/>
                  </a:lnTo>
                  <a:lnTo>
                    <a:pt x="-1" y="225846"/>
                  </a:lnTo>
                  <a:lnTo>
                    <a:pt x="-1" y="6267"/>
                  </a:lnTo>
                  <a:lnTo>
                    <a:pt x="42614" y="6267"/>
                  </a:lnTo>
                  <a:lnTo>
                    <a:pt x="47548" y="38537"/>
                  </a:lnTo>
                  <a:cubicBezTo>
                    <a:pt x="78961" y="12845"/>
                    <a:pt x="109165" y="-1"/>
                    <a:pt x="138169" y="-1"/>
                  </a:cubicBezTo>
                  <a:lnTo>
                    <a:pt x="148932" y="-1"/>
                  </a:ln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68" name="Freeform: Shape 1067">
              <a:extLst>
                <a:ext uri="{FF2B5EF4-FFF2-40B4-BE49-F238E27FC236}">
                  <a16:creationId xmlns:a16="http://schemas.microsoft.com/office/drawing/2014/main" id="{3B4F8EA3-C51E-510D-A3FC-B0D614D7BCD9}"/>
                </a:ext>
              </a:extLst>
            </p:cNvPr>
            <p:cNvSpPr/>
            <p:nvPr/>
          </p:nvSpPr>
          <p:spPr>
            <a:xfrm>
              <a:off x="6147358" y="6146890"/>
              <a:ext cx="217141" cy="231676"/>
            </a:xfrm>
            <a:custGeom>
              <a:avLst/>
              <a:gdLst>
                <a:gd name="connsiteX0" fmla="*/ 109022 w 217141"/>
                <a:gd name="connsiteY0" fmla="*/ -1 h 231676"/>
                <a:gd name="connsiteX1" fmla="*/ 192690 w 217141"/>
                <a:gd name="connsiteY1" fmla="*/ 26431 h 231676"/>
                <a:gd name="connsiteX2" fmla="*/ 217141 w 217141"/>
                <a:gd name="connsiteY2" fmla="*/ 116061 h 231676"/>
                <a:gd name="connsiteX3" fmla="*/ 192690 w 217141"/>
                <a:gd name="connsiteY3" fmla="*/ 205463 h 231676"/>
                <a:gd name="connsiteX4" fmla="*/ 109022 w 217141"/>
                <a:gd name="connsiteY4" fmla="*/ 231676 h 231676"/>
                <a:gd name="connsiteX5" fmla="*/ 24678 w 217141"/>
                <a:gd name="connsiteY5" fmla="*/ 205463 h 231676"/>
                <a:gd name="connsiteX6" fmla="*/ -1 w 217141"/>
                <a:gd name="connsiteY6" fmla="*/ 116061 h 231676"/>
                <a:gd name="connsiteX7" fmla="*/ 24678 w 217141"/>
                <a:gd name="connsiteY7" fmla="*/ 26431 h 231676"/>
                <a:gd name="connsiteX8" fmla="*/ 109022 w 217141"/>
                <a:gd name="connsiteY8" fmla="*/ -1 h 231676"/>
                <a:gd name="connsiteX9" fmla="*/ 109022 w 217141"/>
                <a:gd name="connsiteY9" fmla="*/ -1 h 231676"/>
                <a:gd name="connsiteX10" fmla="*/ 109022 w 217141"/>
                <a:gd name="connsiteY10" fmla="*/ 43462 h 231676"/>
                <a:gd name="connsiteX11" fmla="*/ 67751 w 217141"/>
                <a:gd name="connsiteY11" fmla="*/ 58483 h 231676"/>
                <a:gd name="connsiteX12" fmla="*/ 56978 w 217141"/>
                <a:gd name="connsiteY12" fmla="*/ 116061 h 231676"/>
                <a:gd name="connsiteX13" fmla="*/ 67751 w 217141"/>
                <a:gd name="connsiteY13" fmla="*/ 173211 h 231676"/>
                <a:gd name="connsiteX14" fmla="*/ 109022 w 217141"/>
                <a:gd name="connsiteY14" fmla="*/ 188223 h 231676"/>
                <a:gd name="connsiteX15" fmla="*/ 149627 w 217141"/>
                <a:gd name="connsiteY15" fmla="*/ 173211 h 231676"/>
                <a:gd name="connsiteX16" fmla="*/ 160610 w 217141"/>
                <a:gd name="connsiteY16" fmla="*/ 116061 h 231676"/>
                <a:gd name="connsiteX17" fmla="*/ 149627 w 217141"/>
                <a:gd name="connsiteY17" fmla="*/ 58483 h 231676"/>
                <a:gd name="connsiteX18" fmla="*/ 109022 w 217141"/>
                <a:gd name="connsiteY18" fmla="*/ 43424 h 231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217141" h="231676">
                  <a:moveTo>
                    <a:pt x="109022" y="-1"/>
                  </a:moveTo>
                  <a:cubicBezTo>
                    <a:pt x="148504" y="-1"/>
                    <a:pt x="176393" y="8810"/>
                    <a:pt x="192690" y="26431"/>
                  </a:cubicBezTo>
                  <a:cubicBezTo>
                    <a:pt x="208987" y="44052"/>
                    <a:pt x="217141" y="73929"/>
                    <a:pt x="217141" y="116061"/>
                  </a:cubicBezTo>
                  <a:cubicBezTo>
                    <a:pt x="217141" y="158187"/>
                    <a:pt x="208987" y="187987"/>
                    <a:pt x="192690" y="205463"/>
                  </a:cubicBezTo>
                  <a:cubicBezTo>
                    <a:pt x="176393" y="222938"/>
                    <a:pt x="148504" y="231676"/>
                    <a:pt x="109022" y="231676"/>
                  </a:cubicBezTo>
                  <a:cubicBezTo>
                    <a:pt x="69246" y="231676"/>
                    <a:pt x="41128" y="222938"/>
                    <a:pt x="24678" y="205463"/>
                  </a:cubicBezTo>
                  <a:cubicBezTo>
                    <a:pt x="8229" y="187987"/>
                    <a:pt x="-1" y="158187"/>
                    <a:pt x="-1" y="116061"/>
                  </a:cubicBezTo>
                  <a:cubicBezTo>
                    <a:pt x="-1" y="73942"/>
                    <a:pt x="8229" y="44065"/>
                    <a:pt x="24678" y="26431"/>
                  </a:cubicBezTo>
                  <a:cubicBezTo>
                    <a:pt x="41128" y="8797"/>
                    <a:pt x="69246" y="-13"/>
                    <a:pt x="109022" y="-1"/>
                  </a:cubicBezTo>
                  <a:lnTo>
                    <a:pt x="109022" y="-1"/>
                  </a:lnTo>
                  <a:close/>
                  <a:moveTo>
                    <a:pt x="109022" y="43462"/>
                  </a:moveTo>
                  <a:cubicBezTo>
                    <a:pt x="88706" y="43462"/>
                    <a:pt x="74942" y="48469"/>
                    <a:pt x="67751" y="58483"/>
                  </a:cubicBezTo>
                  <a:cubicBezTo>
                    <a:pt x="60559" y="68496"/>
                    <a:pt x="56968" y="87689"/>
                    <a:pt x="56978" y="116061"/>
                  </a:cubicBezTo>
                  <a:cubicBezTo>
                    <a:pt x="56978" y="144141"/>
                    <a:pt x="60569" y="163191"/>
                    <a:pt x="67751" y="173211"/>
                  </a:cubicBezTo>
                  <a:cubicBezTo>
                    <a:pt x="74932" y="183232"/>
                    <a:pt x="88687" y="188235"/>
                    <a:pt x="109022" y="188223"/>
                  </a:cubicBezTo>
                  <a:cubicBezTo>
                    <a:pt x="128758" y="188223"/>
                    <a:pt x="142293" y="183219"/>
                    <a:pt x="149627" y="173211"/>
                  </a:cubicBezTo>
                  <a:cubicBezTo>
                    <a:pt x="156962" y="163203"/>
                    <a:pt x="160619" y="144153"/>
                    <a:pt x="160610" y="116061"/>
                  </a:cubicBezTo>
                  <a:cubicBezTo>
                    <a:pt x="160610" y="87677"/>
                    <a:pt x="156952" y="68484"/>
                    <a:pt x="149627" y="58483"/>
                  </a:cubicBezTo>
                  <a:cubicBezTo>
                    <a:pt x="142303" y="48481"/>
                    <a:pt x="128768" y="43462"/>
                    <a:pt x="109022" y="43424"/>
                  </a:cubicBez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69" name="Freeform: Shape 1068">
              <a:extLst>
                <a:ext uri="{FF2B5EF4-FFF2-40B4-BE49-F238E27FC236}">
                  <a16:creationId xmlns:a16="http://schemas.microsoft.com/office/drawing/2014/main" id="{F39E8741-5219-7C9D-17CD-31CE6781D954}"/>
                </a:ext>
              </a:extLst>
            </p:cNvPr>
            <p:cNvSpPr/>
            <p:nvPr/>
          </p:nvSpPr>
          <p:spPr>
            <a:xfrm>
              <a:off x="5900908" y="6058064"/>
              <a:ext cx="221161" cy="320127"/>
            </a:xfrm>
            <a:custGeom>
              <a:avLst/>
              <a:gdLst>
                <a:gd name="connsiteX0" fmla="*/ 216217 w 221161"/>
                <a:gd name="connsiteY0" fmla="*/ 266238 h 320127"/>
                <a:gd name="connsiteX1" fmla="*/ 221160 w 221161"/>
                <a:gd name="connsiteY1" fmla="*/ 308357 h 320127"/>
                <a:gd name="connsiteX2" fmla="*/ 126044 w 221161"/>
                <a:gd name="connsiteY2" fmla="*/ 320016 h 320127"/>
                <a:gd name="connsiteX3" fmla="*/ 28241 w 221161"/>
                <a:gd name="connsiteY3" fmla="*/ 284164 h 320127"/>
                <a:gd name="connsiteX4" fmla="*/ -1 w 221161"/>
                <a:gd name="connsiteY4" fmla="*/ 160034 h 320127"/>
                <a:gd name="connsiteX5" fmla="*/ 28269 w 221161"/>
                <a:gd name="connsiteY5" fmla="*/ 35904 h 320127"/>
                <a:gd name="connsiteX6" fmla="*/ 126082 w 221161"/>
                <a:gd name="connsiteY6" fmla="*/ 52 h 320127"/>
                <a:gd name="connsiteX7" fmla="*/ 214912 w 221161"/>
                <a:gd name="connsiteY7" fmla="*/ 9910 h 320127"/>
                <a:gd name="connsiteX8" fmla="*/ 209530 w 221161"/>
                <a:gd name="connsiteY8" fmla="*/ 52487 h 320127"/>
                <a:gd name="connsiteX9" fmla="*/ 126091 w 221161"/>
                <a:gd name="connsiteY9" fmla="*/ 49344 h 320127"/>
                <a:gd name="connsiteX10" fmla="*/ 73370 w 221161"/>
                <a:gd name="connsiteY10" fmla="*/ 72871 h 320127"/>
                <a:gd name="connsiteX11" fmla="*/ 59245 w 221161"/>
                <a:gd name="connsiteY11" fmla="*/ 160034 h 320127"/>
                <a:gd name="connsiteX12" fmla="*/ 73370 w 221161"/>
                <a:gd name="connsiteY12" fmla="*/ 247188 h 320127"/>
                <a:gd name="connsiteX13" fmla="*/ 126091 w 221161"/>
                <a:gd name="connsiteY13" fmla="*/ 270714 h 320127"/>
                <a:gd name="connsiteX14" fmla="*/ 216255 w 221161"/>
                <a:gd name="connsiteY14" fmla="*/ 266228 h 320127"/>
                <a:gd name="connsiteX15" fmla="*/ 216255 w 221161"/>
                <a:gd name="connsiteY15" fmla="*/ 266228 h 32012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221161" h="320127">
                  <a:moveTo>
                    <a:pt x="216217" y="266238"/>
                  </a:moveTo>
                  <a:lnTo>
                    <a:pt x="221160" y="308357"/>
                  </a:lnTo>
                  <a:cubicBezTo>
                    <a:pt x="190204" y="316925"/>
                    <a:pt x="158152" y="320854"/>
                    <a:pt x="126044" y="320016"/>
                  </a:cubicBezTo>
                  <a:cubicBezTo>
                    <a:pt x="79688" y="320016"/>
                    <a:pt x="47088" y="308065"/>
                    <a:pt x="28241" y="284164"/>
                  </a:cubicBezTo>
                  <a:cubicBezTo>
                    <a:pt x="9394" y="260263"/>
                    <a:pt x="-20" y="218886"/>
                    <a:pt x="-1" y="160034"/>
                  </a:cubicBezTo>
                  <a:cubicBezTo>
                    <a:pt x="-1" y="101182"/>
                    <a:pt x="9422" y="59805"/>
                    <a:pt x="28269" y="35904"/>
                  </a:cubicBezTo>
                  <a:cubicBezTo>
                    <a:pt x="47117" y="12003"/>
                    <a:pt x="79721" y="52"/>
                    <a:pt x="126082" y="52"/>
                  </a:cubicBezTo>
                  <a:cubicBezTo>
                    <a:pt x="155990" y="-468"/>
                    <a:pt x="185842" y="2845"/>
                    <a:pt x="214912" y="9910"/>
                  </a:cubicBezTo>
                  <a:lnTo>
                    <a:pt x="209530" y="52487"/>
                  </a:lnTo>
                  <a:cubicBezTo>
                    <a:pt x="183498" y="50392"/>
                    <a:pt x="155685" y="49344"/>
                    <a:pt x="126091" y="49344"/>
                  </a:cubicBezTo>
                  <a:cubicBezTo>
                    <a:pt x="100367" y="49344"/>
                    <a:pt x="82793" y="57186"/>
                    <a:pt x="73370" y="72871"/>
                  </a:cubicBezTo>
                  <a:cubicBezTo>
                    <a:pt x="63947" y="88555"/>
                    <a:pt x="59238" y="117610"/>
                    <a:pt x="59245" y="160034"/>
                  </a:cubicBezTo>
                  <a:cubicBezTo>
                    <a:pt x="59245" y="202452"/>
                    <a:pt x="63953" y="231503"/>
                    <a:pt x="73370" y="247188"/>
                  </a:cubicBezTo>
                  <a:cubicBezTo>
                    <a:pt x="82788" y="262873"/>
                    <a:pt x="100361" y="270714"/>
                    <a:pt x="126091" y="270714"/>
                  </a:cubicBezTo>
                  <a:cubicBezTo>
                    <a:pt x="156209" y="271136"/>
                    <a:pt x="186327" y="269637"/>
                    <a:pt x="216255" y="266228"/>
                  </a:cubicBezTo>
                  <a:lnTo>
                    <a:pt x="216255" y="266228"/>
                  </a:lnTo>
                  <a:close/>
                </a:path>
              </a:pathLst>
            </a:custGeom>
            <a:solidFill>
              <a:srgbClr val="F96F29"/>
            </a:solidFill>
            <a:ln w="952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grpSp>
      <p:grpSp>
        <p:nvGrpSpPr>
          <p:cNvPr id="1054" name="Group 1053">
            <a:extLst>
              <a:ext uri="{FF2B5EF4-FFF2-40B4-BE49-F238E27FC236}">
                <a16:creationId xmlns:a16="http://schemas.microsoft.com/office/drawing/2014/main" id="{0A376BD7-054B-BD69-3D65-68A6461765C8}"/>
              </a:ext>
            </a:extLst>
          </p:cNvPr>
          <p:cNvGrpSpPr/>
          <p:nvPr/>
        </p:nvGrpSpPr>
        <p:grpSpPr>
          <a:xfrm>
            <a:off x="8494535" y="4580158"/>
            <a:ext cx="860493" cy="309133"/>
            <a:chOff x="4781411" y="4411638"/>
            <a:chExt cx="1905220" cy="703456"/>
          </a:xfrm>
        </p:grpSpPr>
        <p:sp>
          <p:nvSpPr>
            <p:cNvPr id="1058" name="Freeform: Shape 1057">
              <a:extLst>
                <a:ext uri="{FF2B5EF4-FFF2-40B4-BE49-F238E27FC236}">
                  <a16:creationId xmlns:a16="http://schemas.microsoft.com/office/drawing/2014/main" id="{A05F53F7-82E4-AFB2-9169-E0FFFC9E63C7}"/>
                </a:ext>
              </a:extLst>
            </p:cNvPr>
            <p:cNvSpPr/>
            <p:nvPr/>
          </p:nvSpPr>
          <p:spPr>
            <a:xfrm>
              <a:off x="5565398" y="4575777"/>
              <a:ext cx="1121233" cy="417677"/>
            </a:xfrm>
            <a:custGeom>
              <a:avLst/>
              <a:gdLst>
                <a:gd name="connsiteX0" fmla="*/ 0 w 1121233"/>
                <a:gd name="connsiteY0" fmla="*/ 218364 h 417677"/>
                <a:gd name="connsiteX1" fmla="*/ 0 w 1121233"/>
                <a:gd name="connsiteY1" fmla="*/ 19052 h 417677"/>
                <a:gd name="connsiteX2" fmla="*/ 83217 w 1121233"/>
                <a:gd name="connsiteY2" fmla="*/ 19052 h 417677"/>
                <a:gd name="connsiteX3" fmla="*/ 83217 w 1121233"/>
                <a:gd name="connsiteY3" fmla="*/ 221296 h 417677"/>
                <a:gd name="connsiteX4" fmla="*/ 141614 w 1121233"/>
                <a:gd name="connsiteY4" fmla="*/ 276986 h 417677"/>
                <a:gd name="connsiteX5" fmla="*/ 198552 w 1121233"/>
                <a:gd name="connsiteY5" fmla="*/ 219830 h 417677"/>
                <a:gd name="connsiteX6" fmla="*/ 198552 w 1121233"/>
                <a:gd name="connsiteY6" fmla="*/ 19052 h 417677"/>
                <a:gd name="connsiteX7" fmla="*/ 281768 w 1121233"/>
                <a:gd name="connsiteY7" fmla="*/ 19052 h 417677"/>
                <a:gd name="connsiteX8" fmla="*/ 281768 w 1121233"/>
                <a:gd name="connsiteY8" fmla="*/ 218364 h 417677"/>
                <a:gd name="connsiteX9" fmla="*/ 141614 w 1121233"/>
                <a:gd name="connsiteY9" fmla="*/ 342935 h 417677"/>
                <a:gd name="connsiteX10" fmla="*/ 0 w 1121233"/>
                <a:gd name="connsiteY10" fmla="*/ 218364 h 417677"/>
                <a:gd name="connsiteX11" fmla="*/ 319727 w 1121233"/>
                <a:gd name="connsiteY11" fmla="*/ 95260 h 417677"/>
                <a:gd name="connsiteX12" fmla="*/ 394184 w 1121233"/>
                <a:gd name="connsiteY12" fmla="*/ 95260 h 417677"/>
                <a:gd name="connsiteX13" fmla="*/ 394184 w 1121233"/>
                <a:gd name="connsiteY13" fmla="*/ 128967 h 417677"/>
                <a:gd name="connsiteX14" fmla="*/ 395644 w 1121233"/>
                <a:gd name="connsiteY14" fmla="*/ 128967 h 417677"/>
                <a:gd name="connsiteX15" fmla="*/ 470101 w 1121233"/>
                <a:gd name="connsiteY15" fmla="*/ 89398 h 417677"/>
                <a:gd name="connsiteX16" fmla="*/ 553317 w 1121233"/>
                <a:gd name="connsiteY16" fmla="*/ 181726 h 417677"/>
                <a:gd name="connsiteX17" fmla="*/ 553317 w 1121233"/>
                <a:gd name="connsiteY17" fmla="*/ 338538 h 417677"/>
                <a:gd name="connsiteX18" fmla="*/ 475940 w 1121233"/>
                <a:gd name="connsiteY18" fmla="*/ 338538 h 417677"/>
                <a:gd name="connsiteX19" fmla="*/ 475940 w 1121233"/>
                <a:gd name="connsiteY19" fmla="*/ 196381 h 417677"/>
                <a:gd name="connsiteX20" fmla="*/ 437982 w 1121233"/>
                <a:gd name="connsiteY20" fmla="*/ 153881 h 417677"/>
                <a:gd name="connsiteX21" fmla="*/ 395644 w 1121233"/>
                <a:gd name="connsiteY21" fmla="*/ 205175 h 417677"/>
                <a:gd name="connsiteX22" fmla="*/ 395644 w 1121233"/>
                <a:gd name="connsiteY22" fmla="*/ 338538 h 417677"/>
                <a:gd name="connsiteX23" fmla="*/ 318267 w 1121233"/>
                <a:gd name="connsiteY23" fmla="*/ 338538 h 417677"/>
                <a:gd name="connsiteX24" fmla="*/ 318267 w 1121233"/>
                <a:gd name="connsiteY24" fmla="*/ 95260 h 417677"/>
                <a:gd name="connsiteX25" fmla="*/ 592736 w 1121233"/>
                <a:gd name="connsiteY25" fmla="*/ 0 h 417677"/>
                <a:gd name="connsiteX26" fmla="*/ 670112 w 1121233"/>
                <a:gd name="connsiteY26" fmla="*/ 0 h 417677"/>
                <a:gd name="connsiteX27" fmla="*/ 670112 w 1121233"/>
                <a:gd name="connsiteY27" fmla="*/ 63018 h 417677"/>
                <a:gd name="connsiteX28" fmla="*/ 592736 w 1121233"/>
                <a:gd name="connsiteY28" fmla="*/ 63018 h 417677"/>
                <a:gd name="connsiteX29" fmla="*/ 592736 w 1121233"/>
                <a:gd name="connsiteY29" fmla="*/ 0 h 417677"/>
                <a:gd name="connsiteX30" fmla="*/ 592736 w 1121233"/>
                <a:gd name="connsiteY30" fmla="*/ 95260 h 417677"/>
                <a:gd name="connsiteX31" fmla="*/ 670112 w 1121233"/>
                <a:gd name="connsiteY31" fmla="*/ 95260 h 417677"/>
                <a:gd name="connsiteX32" fmla="*/ 670112 w 1121233"/>
                <a:gd name="connsiteY32" fmla="*/ 337073 h 417677"/>
                <a:gd name="connsiteX33" fmla="*/ 592736 w 1121233"/>
                <a:gd name="connsiteY33" fmla="*/ 337073 h 417677"/>
                <a:gd name="connsiteX34" fmla="*/ 592736 w 1121233"/>
                <a:gd name="connsiteY34" fmla="*/ 95260 h 417677"/>
                <a:gd name="connsiteX35" fmla="*/ 729970 w 1121233"/>
                <a:gd name="connsiteY35" fmla="*/ 274055 h 417677"/>
                <a:gd name="connsiteX36" fmla="*/ 729970 w 1121233"/>
                <a:gd name="connsiteY36" fmla="*/ 158278 h 417677"/>
                <a:gd name="connsiteX37" fmla="*/ 697851 w 1121233"/>
                <a:gd name="connsiteY37" fmla="*/ 158278 h 417677"/>
                <a:gd name="connsiteX38" fmla="*/ 697851 w 1121233"/>
                <a:gd name="connsiteY38" fmla="*/ 95260 h 417677"/>
                <a:gd name="connsiteX39" fmla="*/ 729970 w 1121233"/>
                <a:gd name="connsiteY39" fmla="*/ 95260 h 417677"/>
                <a:gd name="connsiteX40" fmla="*/ 729970 w 1121233"/>
                <a:gd name="connsiteY40" fmla="*/ 19052 h 417677"/>
                <a:gd name="connsiteX41" fmla="*/ 804427 w 1121233"/>
                <a:gd name="connsiteY41" fmla="*/ 19052 h 417677"/>
                <a:gd name="connsiteX42" fmla="*/ 804427 w 1121233"/>
                <a:gd name="connsiteY42" fmla="*/ 95260 h 417677"/>
                <a:gd name="connsiteX43" fmla="*/ 848225 w 1121233"/>
                <a:gd name="connsiteY43" fmla="*/ 95260 h 417677"/>
                <a:gd name="connsiteX44" fmla="*/ 848225 w 1121233"/>
                <a:gd name="connsiteY44" fmla="*/ 158278 h 417677"/>
                <a:gd name="connsiteX45" fmla="*/ 804427 w 1121233"/>
                <a:gd name="connsiteY45" fmla="*/ 158278 h 417677"/>
                <a:gd name="connsiteX46" fmla="*/ 804427 w 1121233"/>
                <a:gd name="connsiteY46" fmla="*/ 257934 h 417677"/>
                <a:gd name="connsiteX47" fmla="*/ 830706 w 1121233"/>
                <a:gd name="connsiteY47" fmla="*/ 281382 h 417677"/>
                <a:gd name="connsiteX48" fmla="*/ 848225 w 1121233"/>
                <a:gd name="connsiteY48" fmla="*/ 281382 h 417677"/>
                <a:gd name="connsiteX49" fmla="*/ 848225 w 1121233"/>
                <a:gd name="connsiteY49" fmla="*/ 337073 h 417677"/>
                <a:gd name="connsiteX50" fmla="*/ 805887 w 1121233"/>
                <a:gd name="connsiteY50" fmla="*/ 341469 h 417677"/>
                <a:gd name="connsiteX51" fmla="*/ 729970 w 1121233"/>
                <a:gd name="connsiteY51" fmla="*/ 274055 h 417677"/>
                <a:gd name="connsiteX52" fmla="*/ 896403 w 1121233"/>
                <a:gd name="connsiteY52" fmla="*/ 357590 h 417677"/>
                <a:gd name="connsiteX53" fmla="*/ 922682 w 1121233"/>
                <a:gd name="connsiteY53" fmla="*/ 357590 h 417677"/>
                <a:gd name="connsiteX54" fmla="*/ 954801 w 1121233"/>
                <a:gd name="connsiteY54" fmla="*/ 332676 h 417677"/>
                <a:gd name="connsiteX55" fmla="*/ 940201 w 1121233"/>
                <a:gd name="connsiteY55" fmla="*/ 282848 h 417677"/>
                <a:gd name="connsiteX56" fmla="*/ 868664 w 1121233"/>
                <a:gd name="connsiteY56" fmla="*/ 96725 h 417677"/>
                <a:gd name="connsiteX57" fmla="*/ 948961 w 1121233"/>
                <a:gd name="connsiteY57" fmla="*/ 96725 h 417677"/>
                <a:gd name="connsiteX58" fmla="*/ 981080 w 1121233"/>
                <a:gd name="connsiteY58" fmla="*/ 199313 h 417677"/>
                <a:gd name="connsiteX59" fmla="*/ 995679 w 1121233"/>
                <a:gd name="connsiteY59" fmla="*/ 255003 h 417677"/>
                <a:gd name="connsiteX60" fmla="*/ 997139 w 1121233"/>
                <a:gd name="connsiteY60" fmla="*/ 255003 h 417677"/>
                <a:gd name="connsiteX61" fmla="*/ 1011738 w 1121233"/>
                <a:gd name="connsiteY61" fmla="*/ 199313 h 417677"/>
                <a:gd name="connsiteX62" fmla="*/ 1043857 w 1121233"/>
                <a:gd name="connsiteY62" fmla="*/ 96725 h 417677"/>
                <a:gd name="connsiteX63" fmla="*/ 1121234 w 1121233"/>
                <a:gd name="connsiteY63" fmla="*/ 96725 h 417677"/>
                <a:gd name="connsiteX64" fmla="*/ 1038017 w 1121233"/>
                <a:gd name="connsiteY64" fmla="*/ 341469 h 417677"/>
                <a:gd name="connsiteX65" fmla="*/ 947501 w 1121233"/>
                <a:gd name="connsiteY65" fmla="*/ 417677 h 417677"/>
                <a:gd name="connsiteX66" fmla="*/ 897863 w 1121233"/>
                <a:gd name="connsiteY66" fmla="*/ 417677 h 417677"/>
                <a:gd name="connsiteX67" fmla="*/ 896403 w 1121233"/>
                <a:gd name="connsiteY67" fmla="*/ 357590 h 41767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Lst>
              <a:rect l="l" t="t" r="r" b="b"/>
              <a:pathLst>
                <a:path w="1121233" h="417677">
                  <a:moveTo>
                    <a:pt x="0" y="218364"/>
                  </a:moveTo>
                  <a:lnTo>
                    <a:pt x="0" y="19052"/>
                  </a:lnTo>
                  <a:lnTo>
                    <a:pt x="83217" y="19052"/>
                  </a:lnTo>
                  <a:lnTo>
                    <a:pt x="83217" y="221296"/>
                  </a:lnTo>
                  <a:cubicBezTo>
                    <a:pt x="83217" y="255003"/>
                    <a:pt x="100736" y="276986"/>
                    <a:pt x="141614" y="276986"/>
                  </a:cubicBezTo>
                  <a:cubicBezTo>
                    <a:pt x="179573" y="276986"/>
                    <a:pt x="198552" y="253537"/>
                    <a:pt x="198552" y="219830"/>
                  </a:cubicBezTo>
                  <a:lnTo>
                    <a:pt x="198552" y="19052"/>
                  </a:lnTo>
                  <a:lnTo>
                    <a:pt x="281768" y="19052"/>
                  </a:lnTo>
                  <a:lnTo>
                    <a:pt x="281768" y="218364"/>
                  </a:lnTo>
                  <a:cubicBezTo>
                    <a:pt x="281768" y="296038"/>
                    <a:pt x="235050" y="342935"/>
                    <a:pt x="141614" y="342935"/>
                  </a:cubicBezTo>
                  <a:cubicBezTo>
                    <a:pt x="46718" y="344400"/>
                    <a:pt x="0" y="297503"/>
                    <a:pt x="0" y="218364"/>
                  </a:cubicBezTo>
                  <a:close/>
                  <a:moveTo>
                    <a:pt x="319727" y="95260"/>
                  </a:moveTo>
                  <a:lnTo>
                    <a:pt x="394184" y="95260"/>
                  </a:lnTo>
                  <a:lnTo>
                    <a:pt x="394184" y="128967"/>
                  </a:lnTo>
                  <a:lnTo>
                    <a:pt x="395644" y="128967"/>
                  </a:lnTo>
                  <a:cubicBezTo>
                    <a:pt x="413163" y="102587"/>
                    <a:pt x="436522" y="89398"/>
                    <a:pt x="470101" y="89398"/>
                  </a:cubicBezTo>
                  <a:cubicBezTo>
                    <a:pt x="522658" y="89398"/>
                    <a:pt x="553317" y="127501"/>
                    <a:pt x="553317" y="181726"/>
                  </a:cubicBezTo>
                  <a:lnTo>
                    <a:pt x="553317" y="338538"/>
                  </a:lnTo>
                  <a:lnTo>
                    <a:pt x="475940" y="338538"/>
                  </a:lnTo>
                  <a:lnTo>
                    <a:pt x="475940" y="196381"/>
                  </a:lnTo>
                  <a:cubicBezTo>
                    <a:pt x="475940" y="171467"/>
                    <a:pt x="462801" y="153881"/>
                    <a:pt x="437982" y="153881"/>
                  </a:cubicBezTo>
                  <a:cubicBezTo>
                    <a:pt x="413163" y="153881"/>
                    <a:pt x="395644" y="175864"/>
                    <a:pt x="395644" y="205175"/>
                  </a:cubicBezTo>
                  <a:lnTo>
                    <a:pt x="395644" y="338538"/>
                  </a:lnTo>
                  <a:lnTo>
                    <a:pt x="318267" y="338538"/>
                  </a:lnTo>
                  <a:lnTo>
                    <a:pt x="318267" y="95260"/>
                  </a:lnTo>
                  <a:close/>
                  <a:moveTo>
                    <a:pt x="592736" y="0"/>
                  </a:moveTo>
                  <a:lnTo>
                    <a:pt x="670112" y="0"/>
                  </a:lnTo>
                  <a:lnTo>
                    <a:pt x="670112" y="63018"/>
                  </a:lnTo>
                  <a:lnTo>
                    <a:pt x="592736" y="63018"/>
                  </a:lnTo>
                  <a:lnTo>
                    <a:pt x="592736" y="0"/>
                  </a:lnTo>
                  <a:close/>
                  <a:moveTo>
                    <a:pt x="592736" y="95260"/>
                  </a:moveTo>
                  <a:lnTo>
                    <a:pt x="670112" y="95260"/>
                  </a:lnTo>
                  <a:lnTo>
                    <a:pt x="670112" y="337073"/>
                  </a:lnTo>
                  <a:lnTo>
                    <a:pt x="592736" y="337073"/>
                  </a:lnTo>
                  <a:lnTo>
                    <a:pt x="592736" y="95260"/>
                  </a:lnTo>
                  <a:close/>
                  <a:moveTo>
                    <a:pt x="729970" y="274055"/>
                  </a:moveTo>
                  <a:lnTo>
                    <a:pt x="729970" y="158278"/>
                  </a:lnTo>
                  <a:lnTo>
                    <a:pt x="697851" y="158278"/>
                  </a:lnTo>
                  <a:lnTo>
                    <a:pt x="697851" y="95260"/>
                  </a:lnTo>
                  <a:lnTo>
                    <a:pt x="729970" y="95260"/>
                  </a:lnTo>
                  <a:lnTo>
                    <a:pt x="729970" y="19052"/>
                  </a:lnTo>
                  <a:lnTo>
                    <a:pt x="804427" y="19052"/>
                  </a:lnTo>
                  <a:lnTo>
                    <a:pt x="804427" y="95260"/>
                  </a:lnTo>
                  <a:lnTo>
                    <a:pt x="848225" y="95260"/>
                  </a:lnTo>
                  <a:lnTo>
                    <a:pt x="848225" y="158278"/>
                  </a:lnTo>
                  <a:lnTo>
                    <a:pt x="804427" y="158278"/>
                  </a:lnTo>
                  <a:lnTo>
                    <a:pt x="804427" y="257934"/>
                  </a:lnTo>
                  <a:cubicBezTo>
                    <a:pt x="804427" y="276986"/>
                    <a:pt x="814646" y="281382"/>
                    <a:pt x="830706" y="281382"/>
                  </a:cubicBezTo>
                  <a:lnTo>
                    <a:pt x="848225" y="281382"/>
                  </a:lnTo>
                  <a:lnTo>
                    <a:pt x="848225" y="337073"/>
                  </a:lnTo>
                  <a:cubicBezTo>
                    <a:pt x="840925" y="338538"/>
                    <a:pt x="826326" y="341469"/>
                    <a:pt x="805887" y="341469"/>
                  </a:cubicBezTo>
                  <a:cubicBezTo>
                    <a:pt x="762089" y="341469"/>
                    <a:pt x="729970" y="326814"/>
                    <a:pt x="729970" y="274055"/>
                  </a:cubicBezTo>
                  <a:close/>
                  <a:moveTo>
                    <a:pt x="896403" y="357590"/>
                  </a:moveTo>
                  <a:lnTo>
                    <a:pt x="922682" y="357590"/>
                  </a:lnTo>
                  <a:cubicBezTo>
                    <a:pt x="944581" y="357590"/>
                    <a:pt x="954801" y="348797"/>
                    <a:pt x="954801" y="332676"/>
                  </a:cubicBezTo>
                  <a:cubicBezTo>
                    <a:pt x="954801" y="322417"/>
                    <a:pt x="950421" y="307762"/>
                    <a:pt x="940201" y="282848"/>
                  </a:cubicBezTo>
                  <a:lnTo>
                    <a:pt x="868664" y="96725"/>
                  </a:lnTo>
                  <a:lnTo>
                    <a:pt x="948961" y="96725"/>
                  </a:lnTo>
                  <a:lnTo>
                    <a:pt x="981080" y="199313"/>
                  </a:lnTo>
                  <a:cubicBezTo>
                    <a:pt x="988379" y="222761"/>
                    <a:pt x="995679" y="255003"/>
                    <a:pt x="995679" y="255003"/>
                  </a:cubicBezTo>
                  <a:lnTo>
                    <a:pt x="997139" y="255003"/>
                  </a:lnTo>
                  <a:cubicBezTo>
                    <a:pt x="997139" y="255003"/>
                    <a:pt x="1004439" y="222761"/>
                    <a:pt x="1011738" y="199313"/>
                  </a:cubicBezTo>
                  <a:lnTo>
                    <a:pt x="1043857" y="96725"/>
                  </a:lnTo>
                  <a:lnTo>
                    <a:pt x="1121234" y="96725"/>
                  </a:lnTo>
                  <a:lnTo>
                    <a:pt x="1038017" y="341469"/>
                  </a:lnTo>
                  <a:cubicBezTo>
                    <a:pt x="1019038" y="398625"/>
                    <a:pt x="995679" y="417677"/>
                    <a:pt x="947501" y="417677"/>
                  </a:cubicBezTo>
                  <a:lnTo>
                    <a:pt x="897863" y="417677"/>
                  </a:lnTo>
                  <a:lnTo>
                    <a:pt x="896403" y="357590"/>
                  </a:lnTo>
                  <a:close/>
                </a:path>
              </a:pathLst>
            </a:custGeom>
            <a:solidFill>
              <a:schemeClr val="tx1"/>
            </a:solidFill>
            <a:ln w="1454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59" name="Freeform: Shape 1058">
              <a:extLst>
                <a:ext uri="{FF2B5EF4-FFF2-40B4-BE49-F238E27FC236}">
                  <a16:creationId xmlns:a16="http://schemas.microsoft.com/office/drawing/2014/main" id="{3182507E-5F90-ADDD-8C58-EC8977A19BAF}"/>
                </a:ext>
              </a:extLst>
            </p:cNvPr>
            <p:cNvSpPr/>
            <p:nvPr/>
          </p:nvSpPr>
          <p:spPr>
            <a:xfrm>
              <a:off x="4781411" y="4411638"/>
              <a:ext cx="620474" cy="703456"/>
            </a:xfrm>
            <a:custGeom>
              <a:avLst/>
              <a:gdLst>
                <a:gd name="connsiteX0" fmla="*/ 620474 w 620474"/>
                <a:gd name="connsiteY0" fmla="*/ 492419 h 703456"/>
                <a:gd name="connsiteX1" fmla="*/ 620474 w 620474"/>
                <a:gd name="connsiteY1" fmla="*/ 164140 h 703456"/>
                <a:gd name="connsiteX2" fmla="*/ 337246 w 620474"/>
                <a:gd name="connsiteY2" fmla="*/ 0 h 703456"/>
                <a:gd name="connsiteX3" fmla="*/ 337246 w 620474"/>
                <a:gd name="connsiteY3" fmla="*/ 126036 h 703456"/>
                <a:gd name="connsiteX4" fmla="*/ 448202 w 620474"/>
                <a:gd name="connsiteY4" fmla="*/ 190519 h 703456"/>
                <a:gd name="connsiteX5" fmla="*/ 448202 w 620474"/>
                <a:gd name="connsiteY5" fmla="*/ 200778 h 703456"/>
                <a:gd name="connsiteX6" fmla="*/ 316807 w 620474"/>
                <a:gd name="connsiteY6" fmla="*/ 276986 h 703456"/>
                <a:gd name="connsiteX7" fmla="*/ 305127 w 620474"/>
                <a:gd name="connsiteY7" fmla="*/ 276986 h 703456"/>
                <a:gd name="connsiteX8" fmla="*/ 173733 w 620474"/>
                <a:gd name="connsiteY8" fmla="*/ 200778 h 703456"/>
                <a:gd name="connsiteX9" fmla="*/ 173733 w 620474"/>
                <a:gd name="connsiteY9" fmla="*/ 190519 h 703456"/>
                <a:gd name="connsiteX10" fmla="*/ 284688 w 620474"/>
                <a:gd name="connsiteY10" fmla="*/ 126036 h 703456"/>
                <a:gd name="connsiteX11" fmla="*/ 284688 w 620474"/>
                <a:gd name="connsiteY11" fmla="*/ 0 h 703456"/>
                <a:gd name="connsiteX12" fmla="*/ 0 w 620474"/>
                <a:gd name="connsiteY12" fmla="*/ 164140 h 703456"/>
                <a:gd name="connsiteX13" fmla="*/ 0 w 620474"/>
                <a:gd name="connsiteY13" fmla="*/ 492419 h 703456"/>
                <a:gd name="connsiteX14" fmla="*/ 0 w 620474"/>
                <a:gd name="connsiteY14" fmla="*/ 490954 h 703456"/>
                <a:gd name="connsiteX15" fmla="*/ 0 w 620474"/>
                <a:gd name="connsiteY15" fmla="*/ 492419 h 703456"/>
                <a:gd name="connsiteX16" fmla="*/ 108036 w 620474"/>
                <a:gd name="connsiteY16" fmla="*/ 429401 h 703456"/>
                <a:gd name="connsiteX17" fmla="*/ 108036 w 620474"/>
                <a:gd name="connsiteY17" fmla="*/ 300434 h 703456"/>
                <a:gd name="connsiteX18" fmla="*/ 116795 w 620474"/>
                <a:gd name="connsiteY18" fmla="*/ 294572 h 703456"/>
                <a:gd name="connsiteX19" fmla="*/ 248190 w 620474"/>
                <a:gd name="connsiteY19" fmla="*/ 370780 h 703456"/>
                <a:gd name="connsiteX20" fmla="*/ 254030 w 620474"/>
                <a:gd name="connsiteY20" fmla="*/ 381039 h 703456"/>
                <a:gd name="connsiteX21" fmla="*/ 254030 w 620474"/>
                <a:gd name="connsiteY21" fmla="*/ 533454 h 703456"/>
                <a:gd name="connsiteX22" fmla="*/ 245270 w 620474"/>
                <a:gd name="connsiteY22" fmla="*/ 539316 h 703456"/>
                <a:gd name="connsiteX23" fmla="*/ 134314 w 620474"/>
                <a:gd name="connsiteY23" fmla="*/ 474833 h 703456"/>
                <a:gd name="connsiteX24" fmla="*/ 26279 w 620474"/>
                <a:gd name="connsiteY24" fmla="*/ 537851 h 703456"/>
                <a:gd name="connsiteX25" fmla="*/ 309507 w 620474"/>
                <a:gd name="connsiteY25" fmla="*/ 703456 h 703456"/>
                <a:gd name="connsiteX26" fmla="*/ 592736 w 620474"/>
                <a:gd name="connsiteY26" fmla="*/ 539316 h 703456"/>
                <a:gd name="connsiteX27" fmla="*/ 484700 w 620474"/>
                <a:gd name="connsiteY27" fmla="*/ 476298 h 703456"/>
                <a:gd name="connsiteX28" fmla="*/ 373745 w 620474"/>
                <a:gd name="connsiteY28" fmla="*/ 540782 h 703456"/>
                <a:gd name="connsiteX29" fmla="*/ 364985 w 620474"/>
                <a:gd name="connsiteY29" fmla="*/ 534920 h 703456"/>
                <a:gd name="connsiteX30" fmla="*/ 364985 w 620474"/>
                <a:gd name="connsiteY30" fmla="*/ 382504 h 703456"/>
                <a:gd name="connsiteX31" fmla="*/ 370825 w 620474"/>
                <a:gd name="connsiteY31" fmla="*/ 372245 h 703456"/>
                <a:gd name="connsiteX32" fmla="*/ 502219 w 620474"/>
                <a:gd name="connsiteY32" fmla="*/ 296038 h 703456"/>
                <a:gd name="connsiteX33" fmla="*/ 510979 w 620474"/>
                <a:gd name="connsiteY33" fmla="*/ 301900 h 703456"/>
                <a:gd name="connsiteX34" fmla="*/ 510979 w 620474"/>
                <a:gd name="connsiteY34" fmla="*/ 430867 h 703456"/>
                <a:gd name="connsiteX35" fmla="*/ 620474 w 620474"/>
                <a:gd name="connsiteY35" fmla="*/ 492419 h 70345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Lst>
              <a:rect l="l" t="t" r="r" b="b"/>
              <a:pathLst>
                <a:path w="620474" h="703456">
                  <a:moveTo>
                    <a:pt x="620474" y="492419"/>
                  </a:moveTo>
                  <a:lnTo>
                    <a:pt x="620474" y="164140"/>
                  </a:lnTo>
                  <a:lnTo>
                    <a:pt x="337246" y="0"/>
                  </a:lnTo>
                  <a:lnTo>
                    <a:pt x="337246" y="126036"/>
                  </a:lnTo>
                  <a:lnTo>
                    <a:pt x="448202" y="190519"/>
                  </a:lnTo>
                  <a:cubicBezTo>
                    <a:pt x="452581" y="193450"/>
                    <a:pt x="452581" y="199313"/>
                    <a:pt x="448202" y="200778"/>
                  </a:cubicBezTo>
                  <a:lnTo>
                    <a:pt x="316807" y="276986"/>
                  </a:lnTo>
                  <a:cubicBezTo>
                    <a:pt x="312427" y="279917"/>
                    <a:pt x="308047" y="278451"/>
                    <a:pt x="305127" y="276986"/>
                  </a:cubicBezTo>
                  <a:lnTo>
                    <a:pt x="173733" y="200778"/>
                  </a:lnTo>
                  <a:cubicBezTo>
                    <a:pt x="169353" y="199313"/>
                    <a:pt x="169353" y="191985"/>
                    <a:pt x="173733" y="190519"/>
                  </a:cubicBezTo>
                  <a:lnTo>
                    <a:pt x="284688" y="126036"/>
                  </a:lnTo>
                  <a:lnTo>
                    <a:pt x="284688" y="0"/>
                  </a:lnTo>
                  <a:lnTo>
                    <a:pt x="0" y="164140"/>
                  </a:lnTo>
                  <a:lnTo>
                    <a:pt x="0" y="492419"/>
                  </a:lnTo>
                  <a:lnTo>
                    <a:pt x="0" y="490954"/>
                  </a:lnTo>
                  <a:lnTo>
                    <a:pt x="0" y="492419"/>
                  </a:lnTo>
                  <a:lnTo>
                    <a:pt x="108036" y="429401"/>
                  </a:lnTo>
                  <a:lnTo>
                    <a:pt x="108036" y="300434"/>
                  </a:lnTo>
                  <a:cubicBezTo>
                    <a:pt x="108036" y="296038"/>
                    <a:pt x="113875" y="293107"/>
                    <a:pt x="116795" y="294572"/>
                  </a:cubicBezTo>
                  <a:lnTo>
                    <a:pt x="248190" y="370780"/>
                  </a:lnTo>
                  <a:cubicBezTo>
                    <a:pt x="252570" y="373711"/>
                    <a:pt x="254030" y="376642"/>
                    <a:pt x="254030" y="381039"/>
                  </a:cubicBezTo>
                  <a:lnTo>
                    <a:pt x="254030" y="533454"/>
                  </a:lnTo>
                  <a:cubicBezTo>
                    <a:pt x="254030" y="537851"/>
                    <a:pt x="248190" y="540782"/>
                    <a:pt x="245270" y="539316"/>
                  </a:cubicBezTo>
                  <a:lnTo>
                    <a:pt x="134314" y="474833"/>
                  </a:lnTo>
                  <a:lnTo>
                    <a:pt x="26279" y="537851"/>
                  </a:lnTo>
                  <a:lnTo>
                    <a:pt x="309507" y="703456"/>
                  </a:lnTo>
                  <a:lnTo>
                    <a:pt x="592736" y="539316"/>
                  </a:lnTo>
                  <a:lnTo>
                    <a:pt x="484700" y="476298"/>
                  </a:lnTo>
                  <a:lnTo>
                    <a:pt x="373745" y="540782"/>
                  </a:lnTo>
                  <a:cubicBezTo>
                    <a:pt x="369365" y="543713"/>
                    <a:pt x="364985" y="540782"/>
                    <a:pt x="364985" y="534920"/>
                  </a:cubicBezTo>
                  <a:lnTo>
                    <a:pt x="364985" y="382504"/>
                  </a:lnTo>
                  <a:cubicBezTo>
                    <a:pt x="364985" y="378108"/>
                    <a:pt x="367905" y="373711"/>
                    <a:pt x="370825" y="372245"/>
                  </a:cubicBezTo>
                  <a:lnTo>
                    <a:pt x="502219" y="296038"/>
                  </a:lnTo>
                  <a:cubicBezTo>
                    <a:pt x="506599" y="293107"/>
                    <a:pt x="510979" y="296038"/>
                    <a:pt x="510979" y="301900"/>
                  </a:cubicBezTo>
                  <a:lnTo>
                    <a:pt x="510979" y="430867"/>
                  </a:lnTo>
                  <a:lnTo>
                    <a:pt x="620474" y="492419"/>
                  </a:lnTo>
                  <a:close/>
                </a:path>
              </a:pathLst>
            </a:custGeom>
            <a:solidFill>
              <a:srgbClr val="CCCCCC"/>
            </a:solidFill>
            <a:ln w="1454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60" name="Freeform: Shape 1059">
              <a:extLst>
                <a:ext uri="{FF2B5EF4-FFF2-40B4-BE49-F238E27FC236}">
                  <a16:creationId xmlns:a16="http://schemas.microsoft.com/office/drawing/2014/main" id="{B01F462C-37F3-4288-9606-40AF15920BA5}"/>
                </a:ext>
              </a:extLst>
            </p:cNvPr>
            <p:cNvSpPr/>
            <p:nvPr/>
          </p:nvSpPr>
          <p:spPr>
            <a:xfrm>
              <a:off x="5090918" y="4575777"/>
              <a:ext cx="309507" cy="539316"/>
            </a:xfrm>
            <a:custGeom>
              <a:avLst/>
              <a:gdLst>
                <a:gd name="connsiteX0" fmla="*/ 0 w 309507"/>
                <a:gd name="connsiteY0" fmla="*/ 539316 h 539316"/>
                <a:gd name="connsiteX1" fmla="*/ 283228 w 309507"/>
                <a:gd name="connsiteY1" fmla="*/ 375177 h 539316"/>
                <a:gd name="connsiteX2" fmla="*/ 175193 w 309507"/>
                <a:gd name="connsiteY2" fmla="*/ 312159 h 539316"/>
                <a:gd name="connsiteX3" fmla="*/ 64237 w 309507"/>
                <a:gd name="connsiteY3" fmla="*/ 376642 h 539316"/>
                <a:gd name="connsiteX4" fmla="*/ 55478 w 309507"/>
                <a:gd name="connsiteY4" fmla="*/ 370780 h 539316"/>
                <a:gd name="connsiteX5" fmla="*/ 55478 w 309507"/>
                <a:gd name="connsiteY5" fmla="*/ 218364 h 539316"/>
                <a:gd name="connsiteX6" fmla="*/ 61317 w 309507"/>
                <a:gd name="connsiteY6" fmla="*/ 208106 h 539316"/>
                <a:gd name="connsiteX7" fmla="*/ 192712 w 309507"/>
                <a:gd name="connsiteY7" fmla="*/ 131898 h 539316"/>
                <a:gd name="connsiteX8" fmla="*/ 201472 w 309507"/>
                <a:gd name="connsiteY8" fmla="*/ 137760 h 539316"/>
                <a:gd name="connsiteX9" fmla="*/ 201472 w 309507"/>
                <a:gd name="connsiteY9" fmla="*/ 266727 h 539316"/>
                <a:gd name="connsiteX10" fmla="*/ 309507 w 309507"/>
                <a:gd name="connsiteY10" fmla="*/ 329745 h 539316"/>
                <a:gd name="connsiteX11" fmla="*/ 309507 w 309507"/>
                <a:gd name="connsiteY11" fmla="*/ 0 h 539316"/>
                <a:gd name="connsiteX12" fmla="*/ 0 w 309507"/>
                <a:gd name="connsiteY12" fmla="*/ 180261 h 539316"/>
                <a:gd name="connsiteX13" fmla="*/ 0 w 309507"/>
                <a:gd name="connsiteY13" fmla="*/ 539316 h 5393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309507" h="539316">
                  <a:moveTo>
                    <a:pt x="0" y="539316"/>
                  </a:moveTo>
                  <a:lnTo>
                    <a:pt x="283228" y="375177"/>
                  </a:lnTo>
                  <a:lnTo>
                    <a:pt x="175193" y="312159"/>
                  </a:lnTo>
                  <a:lnTo>
                    <a:pt x="64237" y="376642"/>
                  </a:lnTo>
                  <a:cubicBezTo>
                    <a:pt x="59858" y="379573"/>
                    <a:pt x="55478" y="376642"/>
                    <a:pt x="55478" y="370780"/>
                  </a:cubicBezTo>
                  <a:lnTo>
                    <a:pt x="55478" y="218364"/>
                  </a:lnTo>
                  <a:cubicBezTo>
                    <a:pt x="55478" y="213968"/>
                    <a:pt x="58398" y="209571"/>
                    <a:pt x="61317" y="208106"/>
                  </a:cubicBezTo>
                  <a:lnTo>
                    <a:pt x="192712" y="131898"/>
                  </a:lnTo>
                  <a:cubicBezTo>
                    <a:pt x="197092" y="128967"/>
                    <a:pt x="201472" y="131898"/>
                    <a:pt x="201472" y="137760"/>
                  </a:cubicBezTo>
                  <a:lnTo>
                    <a:pt x="201472" y="266727"/>
                  </a:lnTo>
                  <a:lnTo>
                    <a:pt x="309507" y="329745"/>
                  </a:lnTo>
                  <a:lnTo>
                    <a:pt x="309507" y="0"/>
                  </a:lnTo>
                  <a:lnTo>
                    <a:pt x="0" y="180261"/>
                  </a:lnTo>
                  <a:lnTo>
                    <a:pt x="0" y="539316"/>
                  </a:lnTo>
                  <a:close/>
                </a:path>
              </a:pathLst>
            </a:custGeom>
            <a:solidFill>
              <a:srgbClr val="A6A6A6"/>
            </a:solidFill>
            <a:ln w="1454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61" name="Freeform: Shape 1060">
              <a:extLst>
                <a:ext uri="{FF2B5EF4-FFF2-40B4-BE49-F238E27FC236}">
                  <a16:creationId xmlns:a16="http://schemas.microsoft.com/office/drawing/2014/main" id="{0211D3B4-7FD2-41A0-F6CD-8746C4BA6D3E}"/>
                </a:ext>
              </a:extLst>
            </p:cNvPr>
            <p:cNvSpPr/>
            <p:nvPr/>
          </p:nvSpPr>
          <p:spPr>
            <a:xfrm>
              <a:off x="4781411" y="4411638"/>
              <a:ext cx="619014" cy="344400"/>
            </a:xfrm>
            <a:custGeom>
              <a:avLst/>
              <a:gdLst>
                <a:gd name="connsiteX0" fmla="*/ 337246 w 619014"/>
                <a:gd name="connsiteY0" fmla="*/ 0 h 344400"/>
                <a:gd name="connsiteX1" fmla="*/ 337246 w 619014"/>
                <a:gd name="connsiteY1" fmla="*/ 126036 h 344400"/>
                <a:gd name="connsiteX2" fmla="*/ 448202 w 619014"/>
                <a:gd name="connsiteY2" fmla="*/ 190519 h 344400"/>
                <a:gd name="connsiteX3" fmla="*/ 448202 w 619014"/>
                <a:gd name="connsiteY3" fmla="*/ 200778 h 344400"/>
                <a:gd name="connsiteX4" fmla="*/ 316807 w 619014"/>
                <a:gd name="connsiteY4" fmla="*/ 276986 h 344400"/>
                <a:gd name="connsiteX5" fmla="*/ 305127 w 619014"/>
                <a:gd name="connsiteY5" fmla="*/ 276986 h 344400"/>
                <a:gd name="connsiteX6" fmla="*/ 173733 w 619014"/>
                <a:gd name="connsiteY6" fmla="*/ 200778 h 344400"/>
                <a:gd name="connsiteX7" fmla="*/ 173733 w 619014"/>
                <a:gd name="connsiteY7" fmla="*/ 190519 h 344400"/>
                <a:gd name="connsiteX8" fmla="*/ 284688 w 619014"/>
                <a:gd name="connsiteY8" fmla="*/ 126036 h 344400"/>
                <a:gd name="connsiteX9" fmla="*/ 284688 w 619014"/>
                <a:gd name="connsiteY9" fmla="*/ 0 h 344400"/>
                <a:gd name="connsiteX10" fmla="*/ 0 w 619014"/>
                <a:gd name="connsiteY10" fmla="*/ 164140 h 344400"/>
                <a:gd name="connsiteX11" fmla="*/ 309507 w 619014"/>
                <a:gd name="connsiteY11" fmla="*/ 344400 h 344400"/>
                <a:gd name="connsiteX12" fmla="*/ 619014 w 619014"/>
                <a:gd name="connsiteY12" fmla="*/ 164140 h 344400"/>
                <a:gd name="connsiteX13" fmla="*/ 337246 w 619014"/>
                <a:gd name="connsiteY13" fmla="*/ 0 h 3444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619014" h="344400">
                  <a:moveTo>
                    <a:pt x="337246" y="0"/>
                  </a:moveTo>
                  <a:lnTo>
                    <a:pt x="337246" y="126036"/>
                  </a:lnTo>
                  <a:lnTo>
                    <a:pt x="448202" y="190519"/>
                  </a:lnTo>
                  <a:cubicBezTo>
                    <a:pt x="452581" y="193450"/>
                    <a:pt x="452581" y="199313"/>
                    <a:pt x="448202" y="200778"/>
                  </a:cubicBezTo>
                  <a:lnTo>
                    <a:pt x="316807" y="276986"/>
                  </a:lnTo>
                  <a:cubicBezTo>
                    <a:pt x="312427" y="279917"/>
                    <a:pt x="308047" y="278451"/>
                    <a:pt x="305127" y="276986"/>
                  </a:cubicBezTo>
                  <a:lnTo>
                    <a:pt x="173733" y="200778"/>
                  </a:lnTo>
                  <a:cubicBezTo>
                    <a:pt x="169353" y="199313"/>
                    <a:pt x="169353" y="191985"/>
                    <a:pt x="173733" y="190519"/>
                  </a:cubicBezTo>
                  <a:lnTo>
                    <a:pt x="284688" y="126036"/>
                  </a:lnTo>
                  <a:lnTo>
                    <a:pt x="284688" y="0"/>
                  </a:lnTo>
                  <a:lnTo>
                    <a:pt x="0" y="164140"/>
                  </a:lnTo>
                  <a:lnTo>
                    <a:pt x="309507" y="344400"/>
                  </a:lnTo>
                  <a:lnTo>
                    <a:pt x="619014" y="164140"/>
                  </a:lnTo>
                  <a:lnTo>
                    <a:pt x="337246" y="0"/>
                  </a:lnTo>
                  <a:close/>
                </a:path>
              </a:pathLst>
            </a:custGeom>
            <a:solidFill>
              <a:srgbClr val="FFFFFF"/>
            </a:solidFill>
            <a:ln w="1454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62" name="Freeform: Shape 1061">
              <a:extLst>
                <a:ext uri="{FF2B5EF4-FFF2-40B4-BE49-F238E27FC236}">
                  <a16:creationId xmlns:a16="http://schemas.microsoft.com/office/drawing/2014/main" id="{80C9A1C2-553C-D568-F554-69822F6B2DD4}"/>
                </a:ext>
              </a:extLst>
            </p:cNvPr>
            <p:cNvSpPr/>
            <p:nvPr/>
          </p:nvSpPr>
          <p:spPr>
            <a:xfrm>
              <a:off x="4781411" y="4575777"/>
              <a:ext cx="310967" cy="539316"/>
            </a:xfrm>
            <a:custGeom>
              <a:avLst/>
              <a:gdLst>
                <a:gd name="connsiteX0" fmla="*/ 246730 w 310967"/>
                <a:gd name="connsiteY0" fmla="*/ 376642 h 539316"/>
                <a:gd name="connsiteX1" fmla="*/ 135774 w 310967"/>
                <a:gd name="connsiteY1" fmla="*/ 312159 h 539316"/>
                <a:gd name="connsiteX2" fmla="*/ 27739 w 310967"/>
                <a:gd name="connsiteY2" fmla="*/ 375177 h 539316"/>
                <a:gd name="connsiteX3" fmla="*/ 310967 w 310967"/>
                <a:gd name="connsiteY3" fmla="*/ 539316 h 539316"/>
                <a:gd name="connsiteX4" fmla="*/ 310967 w 310967"/>
                <a:gd name="connsiteY4" fmla="*/ 180261 h 539316"/>
                <a:gd name="connsiteX5" fmla="*/ 0 w 310967"/>
                <a:gd name="connsiteY5" fmla="*/ 0 h 539316"/>
                <a:gd name="connsiteX6" fmla="*/ 0 w 310967"/>
                <a:gd name="connsiteY6" fmla="*/ 328279 h 539316"/>
                <a:gd name="connsiteX7" fmla="*/ 0 w 310967"/>
                <a:gd name="connsiteY7" fmla="*/ 326814 h 539316"/>
                <a:gd name="connsiteX8" fmla="*/ 0 w 310967"/>
                <a:gd name="connsiteY8" fmla="*/ 328279 h 539316"/>
                <a:gd name="connsiteX9" fmla="*/ 108036 w 310967"/>
                <a:gd name="connsiteY9" fmla="*/ 265262 h 539316"/>
                <a:gd name="connsiteX10" fmla="*/ 108036 w 310967"/>
                <a:gd name="connsiteY10" fmla="*/ 136295 h 539316"/>
                <a:gd name="connsiteX11" fmla="*/ 116795 w 310967"/>
                <a:gd name="connsiteY11" fmla="*/ 130432 h 539316"/>
                <a:gd name="connsiteX12" fmla="*/ 248190 w 310967"/>
                <a:gd name="connsiteY12" fmla="*/ 206640 h 539316"/>
                <a:gd name="connsiteX13" fmla="*/ 254030 w 310967"/>
                <a:gd name="connsiteY13" fmla="*/ 216899 h 539316"/>
                <a:gd name="connsiteX14" fmla="*/ 254030 w 310967"/>
                <a:gd name="connsiteY14" fmla="*/ 369314 h 539316"/>
                <a:gd name="connsiteX15" fmla="*/ 246730 w 310967"/>
                <a:gd name="connsiteY15" fmla="*/ 376642 h 5393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310967" h="539316">
                  <a:moveTo>
                    <a:pt x="246730" y="376642"/>
                  </a:moveTo>
                  <a:lnTo>
                    <a:pt x="135774" y="312159"/>
                  </a:lnTo>
                  <a:lnTo>
                    <a:pt x="27739" y="375177"/>
                  </a:lnTo>
                  <a:lnTo>
                    <a:pt x="310967" y="539316"/>
                  </a:lnTo>
                  <a:lnTo>
                    <a:pt x="310967" y="180261"/>
                  </a:lnTo>
                  <a:lnTo>
                    <a:pt x="0" y="0"/>
                  </a:lnTo>
                  <a:lnTo>
                    <a:pt x="0" y="328279"/>
                  </a:lnTo>
                  <a:lnTo>
                    <a:pt x="0" y="326814"/>
                  </a:lnTo>
                  <a:lnTo>
                    <a:pt x="0" y="328279"/>
                  </a:lnTo>
                  <a:lnTo>
                    <a:pt x="108036" y="265262"/>
                  </a:lnTo>
                  <a:lnTo>
                    <a:pt x="108036" y="136295"/>
                  </a:lnTo>
                  <a:cubicBezTo>
                    <a:pt x="108036" y="131898"/>
                    <a:pt x="113875" y="128967"/>
                    <a:pt x="116795" y="130432"/>
                  </a:cubicBezTo>
                  <a:lnTo>
                    <a:pt x="248190" y="206640"/>
                  </a:lnTo>
                  <a:cubicBezTo>
                    <a:pt x="252570" y="209571"/>
                    <a:pt x="254030" y="212502"/>
                    <a:pt x="254030" y="216899"/>
                  </a:cubicBezTo>
                  <a:lnTo>
                    <a:pt x="254030" y="369314"/>
                  </a:lnTo>
                  <a:cubicBezTo>
                    <a:pt x="255489" y="375177"/>
                    <a:pt x="251110" y="379573"/>
                    <a:pt x="246730" y="376642"/>
                  </a:cubicBezTo>
                  <a:close/>
                </a:path>
              </a:pathLst>
            </a:custGeom>
            <a:solidFill>
              <a:srgbClr val="CCCCCC"/>
            </a:solidFill>
            <a:ln w="14542"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grpSp>
      <p:pic>
        <p:nvPicPr>
          <p:cNvPr id="1055" name="Picture 1054" descr="Graphical user interface, text, application&#10;&#10;Description automatically generated">
            <a:extLst>
              <a:ext uri="{FF2B5EF4-FFF2-40B4-BE49-F238E27FC236}">
                <a16:creationId xmlns:a16="http://schemas.microsoft.com/office/drawing/2014/main" id="{AF074CAA-4241-2346-C5DE-A19F9D945CF5}"/>
              </a:ext>
            </a:extLst>
          </p:cNvPr>
          <p:cNvPicPr>
            <a:picLocks noChangeAspect="1"/>
          </p:cNvPicPr>
          <p:nvPr/>
        </p:nvPicPr>
        <p:blipFill rotWithShape="1">
          <a:blip r:embed="rId7" cstate="screen">
            <a:extLst>
              <a:ext uri="{28A0092B-C50C-407E-A947-70E740481C1C}">
                <a14:useLocalDpi xmlns:a14="http://schemas.microsoft.com/office/drawing/2010/main"/>
              </a:ext>
            </a:extLst>
          </a:blip>
          <a:srcRect/>
          <a:stretch/>
        </p:blipFill>
        <p:spPr>
          <a:xfrm>
            <a:off x="8488241" y="5710429"/>
            <a:ext cx="803005" cy="194547"/>
          </a:xfrm>
          <a:prstGeom prst="rect">
            <a:avLst/>
          </a:prstGeom>
        </p:spPr>
      </p:pic>
      <p:pic>
        <p:nvPicPr>
          <p:cNvPr id="1056" name="Picture 1055">
            <a:extLst>
              <a:ext uri="{FF2B5EF4-FFF2-40B4-BE49-F238E27FC236}">
                <a16:creationId xmlns:a16="http://schemas.microsoft.com/office/drawing/2014/main" id="{4AADDF43-EBB2-CD5C-93EE-C958F6E320D2}"/>
              </a:ext>
            </a:extLst>
          </p:cNvPr>
          <p:cNvPicPr>
            <a:picLocks noChangeAspect="1"/>
          </p:cNvPicPr>
          <p:nvPr/>
        </p:nvPicPr>
        <p:blipFill>
          <a:blip r:embed="rId8">
            <a:clrChange>
              <a:clrFrom>
                <a:srgbClr val="FFFFFF"/>
              </a:clrFrom>
              <a:clrTo>
                <a:srgbClr val="FFFFFF">
                  <a:alpha val="0"/>
                </a:srgbClr>
              </a:clrTo>
            </a:clrChange>
            <a:extLst>
              <a:ext uri="{28A0092B-C50C-407E-A947-70E740481C1C}">
                <a14:useLocalDpi xmlns:a14="http://schemas.microsoft.com/office/drawing/2010/main"/>
              </a:ext>
            </a:extLst>
          </a:blip>
          <a:stretch>
            <a:fillRect/>
          </a:stretch>
        </p:blipFill>
        <p:spPr>
          <a:xfrm>
            <a:off x="8463096" y="5147598"/>
            <a:ext cx="1776513" cy="299779"/>
          </a:xfrm>
          <a:prstGeom prst="rect">
            <a:avLst/>
          </a:prstGeom>
        </p:spPr>
      </p:pic>
      <p:pic>
        <p:nvPicPr>
          <p:cNvPr id="1057" name="Picture 1056">
            <a:extLst>
              <a:ext uri="{FF2B5EF4-FFF2-40B4-BE49-F238E27FC236}">
                <a16:creationId xmlns:a16="http://schemas.microsoft.com/office/drawing/2014/main" id="{08E4BDE0-0637-F166-BE33-388C961658D3}"/>
              </a:ext>
            </a:extLst>
          </p:cNvPr>
          <p:cNvPicPr>
            <a:picLocks noChangeAspect="1"/>
          </p:cNvPicPr>
          <p:nvPr/>
        </p:nvPicPr>
        <p:blipFill>
          <a:blip r:embed="rId9" cstate="print">
            <a:extLst>
              <a:ext uri="{28A0092B-C50C-407E-A947-70E740481C1C}">
                <a14:useLocalDpi xmlns:a14="http://schemas.microsoft.com/office/drawing/2010/main"/>
              </a:ext>
            </a:extLst>
          </a:blip>
          <a:stretch>
            <a:fillRect/>
          </a:stretch>
        </p:blipFill>
        <p:spPr>
          <a:xfrm>
            <a:off x="10627124" y="5705263"/>
            <a:ext cx="830083" cy="189181"/>
          </a:xfrm>
          <a:prstGeom prst="rect">
            <a:avLst/>
          </a:prstGeom>
        </p:spPr>
      </p:pic>
      <p:pic>
        <p:nvPicPr>
          <p:cNvPr id="1086" name="Picture 1085">
            <a:extLst>
              <a:ext uri="{FF2B5EF4-FFF2-40B4-BE49-F238E27FC236}">
                <a16:creationId xmlns:a16="http://schemas.microsoft.com/office/drawing/2014/main" id="{AA0F3390-509E-5EF9-CC15-5844441F2908}"/>
              </a:ext>
            </a:extLst>
          </p:cNvPr>
          <p:cNvPicPr>
            <a:picLocks noChangeAspect="1"/>
          </p:cNvPicPr>
          <p:nvPr/>
        </p:nvPicPr>
        <p:blipFill>
          <a:blip r:embed="rId10">
            <a:extLst>
              <a:ext uri="{28A0092B-C50C-407E-A947-70E740481C1C}">
                <a14:useLocalDpi xmlns:a14="http://schemas.microsoft.com/office/drawing/2010/main"/>
              </a:ext>
            </a:extLst>
          </a:blip>
          <a:srcRect/>
          <a:stretch/>
        </p:blipFill>
        <p:spPr>
          <a:xfrm>
            <a:off x="5525424" y="3914512"/>
            <a:ext cx="1528520" cy="380335"/>
          </a:xfrm>
          <a:prstGeom prst="rect">
            <a:avLst/>
          </a:prstGeom>
        </p:spPr>
      </p:pic>
      <p:pic>
        <p:nvPicPr>
          <p:cNvPr id="1087" name="Picture 1086">
            <a:extLst>
              <a:ext uri="{FF2B5EF4-FFF2-40B4-BE49-F238E27FC236}">
                <a16:creationId xmlns:a16="http://schemas.microsoft.com/office/drawing/2014/main" id="{6C698D40-6B6B-2894-D43B-FAEE244181C5}"/>
              </a:ext>
            </a:extLst>
          </p:cNvPr>
          <p:cNvPicPr>
            <a:picLocks noChangeAspect="1"/>
          </p:cNvPicPr>
          <p:nvPr/>
        </p:nvPicPr>
        <p:blipFill>
          <a:blip r:embed="rId11" cstate="screen">
            <a:extLst>
              <a:ext uri="{BEBA8EAE-BF5A-486C-A8C5-ECC9F3942E4B}">
                <a14:imgProps xmlns:a14="http://schemas.microsoft.com/office/drawing/2010/main">
                  <a14:imgLayer r:embed="rId12">
                    <a14:imgEffect>
                      <a14:brightnessContrast bright="-20000" contrast="40000"/>
                    </a14:imgEffect>
                  </a14:imgLayer>
                </a14:imgProps>
              </a:ext>
              <a:ext uri="{28A0092B-C50C-407E-A947-70E740481C1C}">
                <a14:useLocalDpi xmlns:a14="http://schemas.microsoft.com/office/drawing/2010/main"/>
              </a:ext>
            </a:extLst>
          </a:blip>
          <a:stretch>
            <a:fillRect/>
          </a:stretch>
        </p:blipFill>
        <p:spPr>
          <a:xfrm>
            <a:off x="6867040" y="5126506"/>
            <a:ext cx="749873" cy="304826"/>
          </a:xfrm>
          <a:prstGeom prst="rect">
            <a:avLst/>
          </a:prstGeom>
        </p:spPr>
      </p:pic>
      <p:pic>
        <p:nvPicPr>
          <p:cNvPr id="1088" name="Picture 1087">
            <a:extLst>
              <a:ext uri="{FF2B5EF4-FFF2-40B4-BE49-F238E27FC236}">
                <a16:creationId xmlns:a16="http://schemas.microsoft.com/office/drawing/2014/main" id="{C3FF969B-170F-BEDE-FBAF-6F94D075D870}"/>
              </a:ext>
            </a:extLst>
          </p:cNvPr>
          <p:cNvPicPr>
            <a:picLocks noChangeAspect="1"/>
          </p:cNvPicPr>
          <p:nvPr/>
        </p:nvPicPr>
        <p:blipFill>
          <a:blip r:embed="rId13" cstate="screen">
            <a:clrChange>
              <a:clrFrom>
                <a:srgbClr val="FFFFFF"/>
              </a:clrFrom>
              <a:clrTo>
                <a:srgbClr val="FFFFFF">
                  <a:alpha val="0"/>
                </a:srgbClr>
              </a:clrTo>
            </a:clrChange>
            <a:extLst>
              <a:ext uri="{28A0092B-C50C-407E-A947-70E740481C1C}">
                <a14:useLocalDpi xmlns:a14="http://schemas.microsoft.com/office/drawing/2010/main"/>
              </a:ext>
            </a:extLst>
          </a:blip>
          <a:stretch>
            <a:fillRect/>
          </a:stretch>
        </p:blipFill>
        <p:spPr>
          <a:xfrm>
            <a:off x="4610341" y="4535434"/>
            <a:ext cx="512108" cy="188992"/>
          </a:xfrm>
          <a:prstGeom prst="rect">
            <a:avLst/>
          </a:prstGeom>
        </p:spPr>
      </p:pic>
      <p:pic>
        <p:nvPicPr>
          <p:cNvPr id="1090" name="Graphic 1089">
            <a:extLst>
              <a:ext uri="{FF2B5EF4-FFF2-40B4-BE49-F238E27FC236}">
                <a16:creationId xmlns:a16="http://schemas.microsoft.com/office/drawing/2014/main" id="{35521720-584B-28A8-C6F1-08CABB4383EC}"/>
              </a:ext>
            </a:extLst>
          </p:cNvPr>
          <p:cNvPicPr>
            <a:picLocks noChangeAspect="1"/>
          </p:cNvPicPr>
          <p:nvPr/>
        </p:nvPicPr>
        <p:blipFill>
          <a:blip cstate="hqprint">
            <a:extLst>
              <a:ext uri="{28A0092B-C50C-407E-A947-70E740481C1C}">
                <a14:useLocalDpi xmlns:a14="http://schemas.microsoft.com/office/drawing/2010/main" val="0"/>
              </a:ext>
              <a:ext uri="{96DAC541-7B7A-43D3-8B79-37D633B846F1}">
                <asvg:svgBlip xmlns:asvg="http://schemas.microsoft.com/office/drawing/2016/SVG/main" r:embed="rId14"/>
              </a:ext>
            </a:extLst>
          </a:blip>
          <a:stretch>
            <a:fillRect/>
          </a:stretch>
        </p:blipFill>
        <p:spPr>
          <a:xfrm>
            <a:off x="5367081" y="5694023"/>
            <a:ext cx="1052989" cy="169736"/>
          </a:xfrm>
          <a:prstGeom prst="rect">
            <a:avLst/>
          </a:prstGeom>
        </p:spPr>
      </p:pic>
      <p:pic>
        <p:nvPicPr>
          <p:cNvPr id="1091" name="Picture 1090" descr="A picture containing nature&#10;&#10;Description automatically generated">
            <a:extLst>
              <a:ext uri="{FF2B5EF4-FFF2-40B4-BE49-F238E27FC236}">
                <a16:creationId xmlns:a16="http://schemas.microsoft.com/office/drawing/2014/main" id="{DD15C490-9A09-57A2-82A1-10B5EE44C8C4}"/>
              </a:ext>
            </a:extLst>
          </p:cNvPr>
          <p:cNvPicPr>
            <a:picLocks noChangeAspect="1"/>
          </p:cNvPicPr>
          <p:nvPr/>
        </p:nvPicPr>
        <p:blipFill rotWithShape="1">
          <a:blip r:embed="rId15" cstate="screen">
            <a:extLst>
              <a:ext uri="{28A0092B-C50C-407E-A947-70E740481C1C}">
                <a14:useLocalDpi xmlns:a14="http://schemas.microsoft.com/office/drawing/2010/main"/>
              </a:ext>
            </a:extLst>
          </a:blip>
          <a:srcRect/>
          <a:stretch/>
        </p:blipFill>
        <p:spPr>
          <a:xfrm>
            <a:off x="4499602" y="3908396"/>
            <a:ext cx="920496" cy="323088"/>
          </a:xfrm>
          <a:prstGeom prst="rect">
            <a:avLst/>
          </a:prstGeom>
        </p:spPr>
      </p:pic>
      <p:pic>
        <p:nvPicPr>
          <p:cNvPr id="1092" name="Picture 1091" descr="A picture containing text, weapon, clipart&#10;&#10;Description automatically generated">
            <a:extLst>
              <a:ext uri="{FF2B5EF4-FFF2-40B4-BE49-F238E27FC236}">
                <a16:creationId xmlns:a16="http://schemas.microsoft.com/office/drawing/2014/main" id="{35955C54-724F-84C6-F461-BA5A3059072A}"/>
              </a:ext>
            </a:extLst>
          </p:cNvPr>
          <p:cNvPicPr>
            <a:picLocks noChangeAspect="1"/>
          </p:cNvPicPr>
          <p:nvPr/>
        </p:nvPicPr>
        <p:blipFill>
          <a:blip r:embed="rId16" cstate="screen">
            <a:extLst>
              <a:ext uri="{28A0092B-C50C-407E-A947-70E740481C1C}">
                <a14:useLocalDpi xmlns:a14="http://schemas.microsoft.com/office/drawing/2010/main"/>
              </a:ext>
            </a:extLst>
          </a:blip>
          <a:stretch>
            <a:fillRect/>
          </a:stretch>
        </p:blipFill>
        <p:spPr>
          <a:xfrm>
            <a:off x="4671140" y="4992461"/>
            <a:ext cx="967220" cy="381798"/>
          </a:xfrm>
          <a:prstGeom prst="rect">
            <a:avLst/>
          </a:prstGeom>
        </p:spPr>
      </p:pic>
      <p:pic>
        <p:nvPicPr>
          <p:cNvPr id="1093" name="Picture 1092">
            <a:extLst>
              <a:ext uri="{FF2B5EF4-FFF2-40B4-BE49-F238E27FC236}">
                <a16:creationId xmlns:a16="http://schemas.microsoft.com/office/drawing/2014/main" id="{029FD163-B699-7A28-555D-46E13E48D50F}"/>
              </a:ext>
            </a:extLst>
          </p:cNvPr>
          <p:cNvPicPr>
            <a:picLocks noChangeAspect="1"/>
          </p:cNvPicPr>
          <p:nvPr/>
        </p:nvPicPr>
        <p:blipFill>
          <a:blip r:embed="rId17" cstate="screen">
            <a:extLst>
              <a:ext uri="{28A0092B-C50C-407E-A947-70E740481C1C}">
                <a14:useLocalDpi xmlns:a14="http://schemas.microsoft.com/office/drawing/2010/main"/>
              </a:ext>
            </a:extLst>
          </a:blip>
          <a:stretch>
            <a:fillRect/>
          </a:stretch>
        </p:blipFill>
        <p:spPr>
          <a:xfrm>
            <a:off x="5507962" y="4456130"/>
            <a:ext cx="842419" cy="280806"/>
          </a:xfrm>
          <a:prstGeom prst="rect">
            <a:avLst/>
          </a:prstGeom>
        </p:spPr>
      </p:pic>
      <p:pic>
        <p:nvPicPr>
          <p:cNvPr id="1094" name="Picture 1093" descr="Icon&#10;&#10;Description automatically generated">
            <a:extLst>
              <a:ext uri="{FF2B5EF4-FFF2-40B4-BE49-F238E27FC236}">
                <a16:creationId xmlns:a16="http://schemas.microsoft.com/office/drawing/2014/main" id="{0228A4BA-C919-C114-8426-F0D32872344C}"/>
              </a:ext>
            </a:extLst>
          </p:cNvPr>
          <p:cNvPicPr>
            <a:picLocks noChangeAspect="1"/>
          </p:cNvPicPr>
          <p:nvPr/>
        </p:nvPicPr>
        <p:blipFill>
          <a:blip r:embed="rId18" cstate="screen">
            <a:extLst>
              <a:ext uri="{28A0092B-C50C-407E-A947-70E740481C1C}">
                <a14:useLocalDpi xmlns:a14="http://schemas.microsoft.com/office/drawing/2010/main"/>
              </a:ext>
            </a:extLst>
          </a:blip>
          <a:stretch>
            <a:fillRect/>
          </a:stretch>
        </p:blipFill>
        <p:spPr>
          <a:xfrm>
            <a:off x="4638429" y="5571406"/>
            <a:ext cx="371888" cy="371888"/>
          </a:xfrm>
          <a:prstGeom prst="rect">
            <a:avLst/>
          </a:prstGeom>
        </p:spPr>
      </p:pic>
      <p:pic>
        <p:nvPicPr>
          <p:cNvPr id="1095" name="Picture 1094" descr="Icon&#10;&#10;Description automatically generated">
            <a:extLst>
              <a:ext uri="{FF2B5EF4-FFF2-40B4-BE49-F238E27FC236}">
                <a16:creationId xmlns:a16="http://schemas.microsoft.com/office/drawing/2014/main" id="{1BD35F11-ADCC-6633-6D7C-699BD807A6AA}"/>
              </a:ext>
            </a:extLst>
          </p:cNvPr>
          <p:cNvPicPr>
            <a:picLocks noChangeAspect="1"/>
          </p:cNvPicPr>
          <p:nvPr/>
        </p:nvPicPr>
        <p:blipFill>
          <a:blip r:embed="rId19" cstate="print">
            <a:extLst>
              <a:ext uri="{28A0092B-C50C-407E-A947-70E740481C1C}">
                <a14:useLocalDpi xmlns:a14="http://schemas.microsoft.com/office/drawing/2010/main"/>
              </a:ext>
            </a:extLst>
          </a:blip>
          <a:stretch>
            <a:fillRect/>
          </a:stretch>
        </p:blipFill>
        <p:spPr>
          <a:xfrm>
            <a:off x="6992586" y="4456130"/>
            <a:ext cx="428625" cy="428625"/>
          </a:xfrm>
          <a:prstGeom prst="rect">
            <a:avLst/>
          </a:prstGeom>
        </p:spPr>
      </p:pic>
      <p:pic>
        <p:nvPicPr>
          <p:cNvPr id="1096" name="Picture 1095" descr="A close-up of a logo&#10;&#10;AI-generated content may be incorrect.">
            <a:extLst>
              <a:ext uri="{FF2B5EF4-FFF2-40B4-BE49-F238E27FC236}">
                <a16:creationId xmlns:a16="http://schemas.microsoft.com/office/drawing/2014/main" id="{820FD04C-B470-B315-05EE-78CD5EB83A5E}"/>
              </a:ext>
            </a:extLst>
          </p:cNvPr>
          <p:cNvPicPr>
            <a:picLocks noChangeAspect="1"/>
          </p:cNvPicPr>
          <p:nvPr/>
        </p:nvPicPr>
        <p:blipFill>
          <a:blip r:embed="rId20" cstate="screen">
            <a:clrChange>
              <a:clrFrom>
                <a:srgbClr val="DBDCDE"/>
              </a:clrFrom>
              <a:clrTo>
                <a:srgbClr val="DBDCDE">
                  <a:alpha val="0"/>
                </a:srgbClr>
              </a:clrTo>
            </a:clrChange>
            <a:extLst>
              <a:ext uri="{28A0092B-C50C-407E-A947-70E740481C1C}">
                <a14:useLocalDpi xmlns:a14="http://schemas.microsoft.com/office/drawing/2010/main"/>
              </a:ext>
            </a:extLst>
          </a:blip>
          <a:srcRect/>
          <a:stretch>
            <a:fillRect/>
          </a:stretch>
        </p:blipFill>
        <p:spPr>
          <a:xfrm>
            <a:off x="5996647" y="4924463"/>
            <a:ext cx="469392" cy="451104"/>
          </a:xfrm>
          <a:prstGeom prst="rect">
            <a:avLst/>
          </a:prstGeom>
        </p:spPr>
      </p:pic>
      <p:pic>
        <p:nvPicPr>
          <p:cNvPr id="1097" name="Graphic 1096">
            <a:extLst>
              <a:ext uri="{FF2B5EF4-FFF2-40B4-BE49-F238E27FC236}">
                <a16:creationId xmlns:a16="http://schemas.microsoft.com/office/drawing/2014/main" id="{3A1E2622-8E27-263D-4070-DB7DB37A1001}"/>
              </a:ext>
            </a:extLst>
          </p:cNvPr>
          <p:cNvPicPr>
            <a:picLocks noChangeAspect="1"/>
          </p:cNvPicPr>
          <p:nvPr/>
        </p:nvPicPr>
        <p:blipFill>
          <a:blip cstate="hqprint">
            <a:extLst>
              <a:ext uri="{28A0092B-C50C-407E-A947-70E740481C1C}">
                <a14:useLocalDpi xmlns:a14="http://schemas.microsoft.com/office/drawing/2010/main" val="0"/>
              </a:ext>
              <a:ext uri="{96DAC541-7B7A-43D3-8B79-37D633B846F1}">
                <asvg:svgBlip xmlns:asvg="http://schemas.microsoft.com/office/drawing/2016/SVG/main" r:embed="rId21"/>
              </a:ext>
            </a:extLst>
          </a:blip>
          <a:stretch>
            <a:fillRect/>
          </a:stretch>
        </p:blipFill>
        <p:spPr>
          <a:xfrm>
            <a:off x="7144770" y="3984670"/>
            <a:ext cx="472143" cy="169619"/>
          </a:xfrm>
          <a:prstGeom prst="rect">
            <a:avLst/>
          </a:prstGeom>
        </p:spPr>
      </p:pic>
      <p:grpSp>
        <p:nvGrpSpPr>
          <p:cNvPr id="1083" name="Group 1082">
            <a:extLst>
              <a:ext uri="{FF2B5EF4-FFF2-40B4-BE49-F238E27FC236}">
                <a16:creationId xmlns:a16="http://schemas.microsoft.com/office/drawing/2014/main" id="{A2688B6E-9791-E4C6-8714-962A9857205C}"/>
              </a:ext>
            </a:extLst>
          </p:cNvPr>
          <p:cNvGrpSpPr/>
          <p:nvPr/>
        </p:nvGrpSpPr>
        <p:grpSpPr>
          <a:xfrm>
            <a:off x="651096" y="4805494"/>
            <a:ext cx="1129735" cy="256147"/>
            <a:chOff x="655028" y="5791378"/>
            <a:chExt cx="1699594" cy="433999"/>
          </a:xfrm>
        </p:grpSpPr>
        <p:sp>
          <p:nvSpPr>
            <p:cNvPr id="1084" name="Freeform: Shape 1083">
              <a:extLst>
                <a:ext uri="{FF2B5EF4-FFF2-40B4-BE49-F238E27FC236}">
                  <a16:creationId xmlns:a16="http://schemas.microsoft.com/office/drawing/2014/main" id="{DFDEBC98-D4D6-EDC5-7395-BEBB2737B531}"/>
                </a:ext>
              </a:extLst>
            </p:cNvPr>
            <p:cNvSpPr/>
            <p:nvPr/>
          </p:nvSpPr>
          <p:spPr>
            <a:xfrm>
              <a:off x="655028" y="5791378"/>
              <a:ext cx="425687" cy="366392"/>
            </a:xfrm>
            <a:custGeom>
              <a:avLst/>
              <a:gdLst>
                <a:gd name="connsiteX0" fmla="*/ 156130 w 425687"/>
                <a:gd name="connsiteY0" fmla="*/ 67593 h 366392"/>
                <a:gd name="connsiteX1" fmla="*/ 420989 w 425687"/>
                <a:gd name="connsiteY1" fmla="*/ 67593 h 366392"/>
                <a:gd name="connsiteX2" fmla="*/ 424760 w 425687"/>
                <a:gd name="connsiteY2" fmla="*/ 50767 h 366392"/>
                <a:gd name="connsiteX3" fmla="*/ 383856 w 425687"/>
                <a:gd name="connsiteY3" fmla="*/ 0 h 366392"/>
                <a:gd name="connsiteX4" fmla="*/ 126540 w 425687"/>
                <a:gd name="connsiteY4" fmla="*/ 0 h 366392"/>
                <a:gd name="connsiteX5" fmla="*/ 57207 w 425687"/>
                <a:gd name="connsiteY5" fmla="*/ 55699 h 366392"/>
                <a:gd name="connsiteX6" fmla="*/ 928 w 425687"/>
                <a:gd name="connsiteY6" fmla="*/ 315626 h 366392"/>
                <a:gd name="connsiteX7" fmla="*/ 41832 w 425687"/>
                <a:gd name="connsiteY7" fmla="*/ 366393 h 366392"/>
                <a:gd name="connsiteX8" fmla="*/ 57497 w 425687"/>
                <a:gd name="connsiteY8" fmla="*/ 366393 h 366392"/>
                <a:gd name="connsiteX9" fmla="*/ 114936 w 425687"/>
                <a:gd name="connsiteY9" fmla="*/ 100664 h 366392"/>
                <a:gd name="connsiteX10" fmla="*/ 156130 w 425687"/>
                <a:gd name="connsiteY10" fmla="*/ 67593 h 36639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425687" h="366392">
                  <a:moveTo>
                    <a:pt x="156130" y="67593"/>
                  </a:moveTo>
                  <a:lnTo>
                    <a:pt x="420989" y="67593"/>
                  </a:lnTo>
                  <a:lnTo>
                    <a:pt x="424760" y="50767"/>
                  </a:lnTo>
                  <a:cubicBezTo>
                    <a:pt x="430272" y="24658"/>
                    <a:pt x="410545" y="0"/>
                    <a:pt x="383856" y="0"/>
                  </a:cubicBezTo>
                  <a:lnTo>
                    <a:pt x="126540" y="0"/>
                  </a:lnTo>
                  <a:cubicBezTo>
                    <a:pt x="93179" y="0"/>
                    <a:pt x="64459" y="23208"/>
                    <a:pt x="57207" y="55699"/>
                  </a:cubicBezTo>
                  <a:lnTo>
                    <a:pt x="928" y="315626"/>
                  </a:lnTo>
                  <a:cubicBezTo>
                    <a:pt x="-4584" y="341735"/>
                    <a:pt x="15143" y="366393"/>
                    <a:pt x="41832" y="366393"/>
                  </a:cubicBezTo>
                  <a:lnTo>
                    <a:pt x="57497" y="366393"/>
                  </a:lnTo>
                  <a:lnTo>
                    <a:pt x="114936" y="100664"/>
                  </a:lnTo>
                  <a:cubicBezTo>
                    <a:pt x="119287" y="81517"/>
                    <a:pt x="136403" y="67593"/>
                    <a:pt x="156130" y="67593"/>
                  </a:cubicBezTo>
                  <a:close/>
                </a:path>
              </a:pathLst>
            </a:custGeom>
            <a:solidFill>
              <a:srgbClr val="00CDFA"/>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85" name="Freeform: Shape 1084">
              <a:extLst>
                <a:ext uri="{FF2B5EF4-FFF2-40B4-BE49-F238E27FC236}">
                  <a16:creationId xmlns:a16="http://schemas.microsoft.com/office/drawing/2014/main" id="{81671F0F-D264-9DF1-958F-583D7DA692B4}"/>
                </a:ext>
              </a:extLst>
            </p:cNvPr>
            <p:cNvSpPr/>
            <p:nvPr/>
          </p:nvSpPr>
          <p:spPr>
            <a:xfrm>
              <a:off x="708116" y="5858984"/>
              <a:ext cx="425677" cy="366393"/>
            </a:xfrm>
            <a:custGeom>
              <a:avLst/>
              <a:gdLst>
                <a:gd name="connsiteX0" fmla="*/ 383567 w 425677"/>
                <a:gd name="connsiteY0" fmla="*/ 0 h 366393"/>
                <a:gd name="connsiteX1" fmla="*/ 367900 w 425677"/>
                <a:gd name="connsiteY1" fmla="*/ 0 h 366393"/>
                <a:gd name="connsiteX2" fmla="*/ 310461 w 425677"/>
                <a:gd name="connsiteY2" fmla="*/ 265729 h 366393"/>
                <a:gd name="connsiteX3" fmla="*/ 269558 w 425677"/>
                <a:gd name="connsiteY3" fmla="*/ 298800 h 366393"/>
                <a:gd name="connsiteX4" fmla="*/ 4699 w 425677"/>
                <a:gd name="connsiteY4" fmla="*/ 298800 h 366393"/>
                <a:gd name="connsiteX5" fmla="*/ 928 w 425677"/>
                <a:gd name="connsiteY5" fmla="*/ 315626 h 366393"/>
                <a:gd name="connsiteX6" fmla="*/ 41832 w 425677"/>
                <a:gd name="connsiteY6" fmla="*/ 366393 h 366393"/>
                <a:gd name="connsiteX7" fmla="*/ 299148 w 425677"/>
                <a:gd name="connsiteY7" fmla="*/ 366393 h 366393"/>
                <a:gd name="connsiteX8" fmla="*/ 368481 w 425677"/>
                <a:gd name="connsiteY8" fmla="*/ 310694 h 366393"/>
                <a:gd name="connsiteX9" fmla="*/ 424760 w 425677"/>
                <a:gd name="connsiteY9" fmla="*/ 51057 h 366393"/>
                <a:gd name="connsiteX10" fmla="*/ 383567 w 425677"/>
                <a:gd name="connsiteY10" fmla="*/ 0 h 36639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425677" h="366393">
                  <a:moveTo>
                    <a:pt x="383567" y="0"/>
                  </a:moveTo>
                  <a:lnTo>
                    <a:pt x="367900" y="0"/>
                  </a:lnTo>
                  <a:lnTo>
                    <a:pt x="310461" y="265729"/>
                  </a:lnTo>
                  <a:cubicBezTo>
                    <a:pt x="306401" y="284876"/>
                    <a:pt x="289285" y="298800"/>
                    <a:pt x="269558" y="298800"/>
                  </a:cubicBezTo>
                  <a:lnTo>
                    <a:pt x="4699" y="298800"/>
                  </a:lnTo>
                  <a:lnTo>
                    <a:pt x="928" y="315626"/>
                  </a:lnTo>
                  <a:cubicBezTo>
                    <a:pt x="-4584" y="341734"/>
                    <a:pt x="15143" y="366393"/>
                    <a:pt x="41832" y="366393"/>
                  </a:cubicBezTo>
                  <a:lnTo>
                    <a:pt x="299148" y="366393"/>
                  </a:lnTo>
                  <a:cubicBezTo>
                    <a:pt x="332510" y="366393"/>
                    <a:pt x="361229" y="343185"/>
                    <a:pt x="368481" y="310694"/>
                  </a:cubicBezTo>
                  <a:lnTo>
                    <a:pt x="424760" y="51057"/>
                  </a:lnTo>
                  <a:cubicBezTo>
                    <a:pt x="430272" y="24658"/>
                    <a:pt x="410255" y="0"/>
                    <a:pt x="383567" y="0"/>
                  </a:cubicBezTo>
                  <a:close/>
                </a:path>
              </a:pathLst>
            </a:custGeom>
            <a:gradFill>
              <a:gsLst>
                <a:gs pos="0">
                  <a:srgbClr val="FFB3FF"/>
                </a:gs>
                <a:gs pos="53350">
                  <a:srgbClr val="FF76DF"/>
                </a:gs>
                <a:gs pos="100000">
                  <a:srgbClr val="C239C6"/>
                </a:gs>
              </a:gsLst>
              <a:lin ang="0" scaled="1"/>
            </a:gra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98" name="Freeform: Shape 1097">
              <a:extLst>
                <a:ext uri="{FF2B5EF4-FFF2-40B4-BE49-F238E27FC236}">
                  <a16:creationId xmlns:a16="http://schemas.microsoft.com/office/drawing/2014/main" id="{D714BBD5-527D-27AF-499E-88C84FBBD095}"/>
                </a:ext>
              </a:extLst>
            </p:cNvPr>
            <p:cNvSpPr/>
            <p:nvPr/>
          </p:nvSpPr>
          <p:spPr>
            <a:xfrm>
              <a:off x="712810" y="5858984"/>
              <a:ext cx="363201" cy="298799"/>
            </a:xfrm>
            <a:custGeom>
              <a:avLst/>
              <a:gdLst>
                <a:gd name="connsiteX0" fmla="*/ 305763 w 363201"/>
                <a:gd name="connsiteY0" fmla="*/ 265729 h 298799"/>
                <a:gd name="connsiteX1" fmla="*/ 363202 w 363201"/>
                <a:gd name="connsiteY1" fmla="*/ 0 h 298799"/>
                <a:gd name="connsiteX2" fmla="*/ 98342 w 363201"/>
                <a:gd name="connsiteY2" fmla="*/ 0 h 298799"/>
                <a:gd name="connsiteX3" fmla="*/ 57439 w 363201"/>
                <a:gd name="connsiteY3" fmla="*/ 33071 h 298799"/>
                <a:gd name="connsiteX4" fmla="*/ 0 w 363201"/>
                <a:gd name="connsiteY4" fmla="*/ 298800 h 298799"/>
                <a:gd name="connsiteX5" fmla="*/ 264859 w 363201"/>
                <a:gd name="connsiteY5" fmla="*/ 298800 h 298799"/>
                <a:gd name="connsiteX6" fmla="*/ 305763 w 363201"/>
                <a:gd name="connsiteY6" fmla="*/ 265729 h 298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63201" h="298799">
                  <a:moveTo>
                    <a:pt x="305763" y="265729"/>
                  </a:moveTo>
                  <a:lnTo>
                    <a:pt x="363202" y="0"/>
                  </a:lnTo>
                  <a:lnTo>
                    <a:pt x="98342" y="0"/>
                  </a:lnTo>
                  <a:cubicBezTo>
                    <a:pt x="78617" y="0"/>
                    <a:pt x="61501" y="13635"/>
                    <a:pt x="57439" y="33071"/>
                  </a:cubicBezTo>
                  <a:lnTo>
                    <a:pt x="0" y="298800"/>
                  </a:lnTo>
                  <a:lnTo>
                    <a:pt x="264859" y="298800"/>
                  </a:lnTo>
                  <a:cubicBezTo>
                    <a:pt x="284585" y="298800"/>
                    <a:pt x="301411" y="284876"/>
                    <a:pt x="305763" y="265729"/>
                  </a:cubicBezTo>
                  <a:close/>
                </a:path>
              </a:pathLst>
            </a:custGeom>
            <a:solidFill>
              <a:srgbClr val="3A00FF"/>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099" name="Freeform: Shape 1098">
              <a:extLst>
                <a:ext uri="{FF2B5EF4-FFF2-40B4-BE49-F238E27FC236}">
                  <a16:creationId xmlns:a16="http://schemas.microsoft.com/office/drawing/2014/main" id="{339BAE99-C58C-D045-523E-18BC796FBDED}"/>
                </a:ext>
              </a:extLst>
            </p:cNvPr>
            <p:cNvSpPr/>
            <p:nvPr/>
          </p:nvSpPr>
          <p:spPr>
            <a:xfrm>
              <a:off x="779813" y="5956737"/>
              <a:ext cx="159759" cy="99644"/>
            </a:xfrm>
            <a:custGeom>
              <a:avLst/>
              <a:gdLst>
                <a:gd name="connsiteX0" fmla="*/ 19168 w 159759"/>
                <a:gd name="connsiteY0" fmla="*/ 99644 h 99644"/>
                <a:gd name="connsiteX1" fmla="*/ 0 w 159759"/>
                <a:gd name="connsiteY1" fmla="*/ 0 h 99644"/>
                <a:gd name="connsiteX2" fmla="*/ 30057 w 159759"/>
                <a:gd name="connsiteY2" fmla="*/ 0 h 99644"/>
                <a:gd name="connsiteX3" fmla="*/ 39314 w 159759"/>
                <a:gd name="connsiteY3" fmla="*/ 62182 h 99644"/>
                <a:gd name="connsiteX4" fmla="*/ 69698 w 159759"/>
                <a:gd name="connsiteY4" fmla="*/ 0 h 99644"/>
                <a:gd name="connsiteX5" fmla="*/ 89953 w 159759"/>
                <a:gd name="connsiteY5" fmla="*/ 0 h 99644"/>
                <a:gd name="connsiteX6" fmla="*/ 101823 w 159759"/>
                <a:gd name="connsiteY6" fmla="*/ 62182 h 99644"/>
                <a:gd name="connsiteX7" fmla="*/ 129702 w 159759"/>
                <a:gd name="connsiteY7" fmla="*/ 0 h 99644"/>
                <a:gd name="connsiteX8" fmla="*/ 159759 w 159759"/>
                <a:gd name="connsiteY8" fmla="*/ 0 h 99644"/>
                <a:gd name="connsiteX9" fmla="*/ 111079 w 159759"/>
                <a:gd name="connsiteY9" fmla="*/ 99644 h 99644"/>
                <a:gd name="connsiteX10" fmla="*/ 85924 w 159759"/>
                <a:gd name="connsiteY10" fmla="*/ 99644 h 99644"/>
                <a:gd name="connsiteX11" fmla="*/ 73945 w 159759"/>
                <a:gd name="connsiteY11" fmla="*/ 41273 h 99644"/>
                <a:gd name="connsiteX12" fmla="*/ 44650 w 159759"/>
                <a:gd name="connsiteY12" fmla="*/ 99644 h 99644"/>
                <a:gd name="connsiteX13" fmla="*/ 19168 w 159759"/>
                <a:gd name="connsiteY13" fmla="*/ 99644 h 996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59759" h="99644">
                  <a:moveTo>
                    <a:pt x="19168" y="99644"/>
                  </a:moveTo>
                  <a:lnTo>
                    <a:pt x="0" y="0"/>
                  </a:lnTo>
                  <a:lnTo>
                    <a:pt x="30057" y="0"/>
                  </a:lnTo>
                  <a:lnTo>
                    <a:pt x="39314" y="62182"/>
                  </a:lnTo>
                  <a:lnTo>
                    <a:pt x="69698" y="0"/>
                  </a:lnTo>
                  <a:lnTo>
                    <a:pt x="89953" y="0"/>
                  </a:lnTo>
                  <a:lnTo>
                    <a:pt x="101823" y="62182"/>
                  </a:lnTo>
                  <a:lnTo>
                    <a:pt x="129702" y="0"/>
                  </a:lnTo>
                  <a:lnTo>
                    <a:pt x="159759" y="0"/>
                  </a:lnTo>
                  <a:lnTo>
                    <a:pt x="111079" y="99644"/>
                  </a:lnTo>
                  <a:lnTo>
                    <a:pt x="85924" y="99644"/>
                  </a:lnTo>
                  <a:lnTo>
                    <a:pt x="73945" y="41273"/>
                  </a:lnTo>
                  <a:lnTo>
                    <a:pt x="44650" y="99644"/>
                  </a:lnTo>
                  <a:lnTo>
                    <a:pt x="19168" y="99644"/>
                  </a:lnTo>
                  <a:close/>
                </a:path>
              </a:pathLst>
            </a:custGeom>
            <a:solidFill>
              <a:srgbClr val="FFFFFF"/>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00" name="Freeform: Shape 1099">
              <a:extLst>
                <a:ext uri="{FF2B5EF4-FFF2-40B4-BE49-F238E27FC236}">
                  <a16:creationId xmlns:a16="http://schemas.microsoft.com/office/drawing/2014/main" id="{E217E350-C0D8-D3DB-1B2E-4ADA2DDBAE9A}"/>
                </a:ext>
              </a:extLst>
            </p:cNvPr>
            <p:cNvSpPr/>
            <p:nvPr/>
          </p:nvSpPr>
          <p:spPr>
            <a:xfrm>
              <a:off x="929015" y="5953246"/>
              <a:ext cx="91586" cy="105961"/>
            </a:xfrm>
            <a:custGeom>
              <a:avLst/>
              <a:gdLst>
                <a:gd name="connsiteX0" fmla="*/ 0 w 91586"/>
                <a:gd name="connsiteY0" fmla="*/ 87013 h 105961"/>
                <a:gd name="connsiteX1" fmla="*/ 15682 w 91586"/>
                <a:gd name="connsiteY1" fmla="*/ 68826 h 105961"/>
                <a:gd name="connsiteX2" fmla="*/ 42689 w 91586"/>
                <a:gd name="connsiteY2" fmla="*/ 82003 h 105961"/>
                <a:gd name="connsiteX3" fmla="*/ 56955 w 91586"/>
                <a:gd name="connsiteY3" fmla="*/ 74162 h 105961"/>
                <a:gd name="connsiteX4" fmla="*/ 50747 w 91586"/>
                <a:gd name="connsiteY4" fmla="*/ 66538 h 105961"/>
                <a:gd name="connsiteX5" fmla="*/ 43452 w 91586"/>
                <a:gd name="connsiteY5" fmla="*/ 63816 h 105961"/>
                <a:gd name="connsiteX6" fmla="*/ 26137 w 91586"/>
                <a:gd name="connsiteY6" fmla="*/ 55649 h 105961"/>
                <a:gd name="connsiteX7" fmla="*/ 14157 w 91586"/>
                <a:gd name="connsiteY7" fmla="*/ 28642 h 105961"/>
                <a:gd name="connsiteX8" fmla="*/ 55322 w 91586"/>
                <a:gd name="connsiteY8" fmla="*/ 0 h 105961"/>
                <a:gd name="connsiteX9" fmla="*/ 91586 w 91586"/>
                <a:gd name="connsiteY9" fmla="*/ 14266 h 105961"/>
                <a:gd name="connsiteX10" fmla="*/ 76122 w 91586"/>
                <a:gd name="connsiteY10" fmla="*/ 32343 h 105961"/>
                <a:gd name="connsiteX11" fmla="*/ 53907 w 91586"/>
                <a:gd name="connsiteY11" fmla="*/ 23413 h 105961"/>
                <a:gd name="connsiteX12" fmla="*/ 42253 w 91586"/>
                <a:gd name="connsiteY12" fmla="*/ 29621 h 105961"/>
                <a:gd name="connsiteX13" fmla="*/ 47699 w 91586"/>
                <a:gd name="connsiteY13" fmla="*/ 38006 h 105961"/>
                <a:gd name="connsiteX14" fmla="*/ 56412 w 91586"/>
                <a:gd name="connsiteY14" fmla="*/ 41600 h 105961"/>
                <a:gd name="connsiteX15" fmla="*/ 67518 w 91586"/>
                <a:gd name="connsiteY15" fmla="*/ 46392 h 105961"/>
                <a:gd name="connsiteX16" fmla="*/ 85378 w 91586"/>
                <a:gd name="connsiteY16" fmla="*/ 75033 h 105961"/>
                <a:gd name="connsiteX17" fmla="*/ 70568 w 91586"/>
                <a:gd name="connsiteY17" fmla="*/ 97794 h 105961"/>
                <a:gd name="connsiteX18" fmla="*/ 41383 w 91586"/>
                <a:gd name="connsiteY18" fmla="*/ 105962 h 105961"/>
                <a:gd name="connsiteX19" fmla="*/ 0 w 91586"/>
                <a:gd name="connsiteY19" fmla="*/ 87013 h 10596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1586" h="105961">
                  <a:moveTo>
                    <a:pt x="0" y="87013"/>
                  </a:moveTo>
                  <a:lnTo>
                    <a:pt x="15682" y="68826"/>
                  </a:lnTo>
                  <a:cubicBezTo>
                    <a:pt x="22760" y="77537"/>
                    <a:pt x="31690" y="82003"/>
                    <a:pt x="42689" y="82003"/>
                  </a:cubicBezTo>
                  <a:cubicBezTo>
                    <a:pt x="49768" y="82003"/>
                    <a:pt x="55976" y="79062"/>
                    <a:pt x="56955" y="74162"/>
                  </a:cubicBezTo>
                  <a:cubicBezTo>
                    <a:pt x="57282" y="71221"/>
                    <a:pt x="55322" y="68717"/>
                    <a:pt x="50747" y="66538"/>
                  </a:cubicBezTo>
                  <a:cubicBezTo>
                    <a:pt x="49658" y="65995"/>
                    <a:pt x="47263" y="65123"/>
                    <a:pt x="43452" y="63816"/>
                  </a:cubicBezTo>
                  <a:cubicBezTo>
                    <a:pt x="35937" y="60876"/>
                    <a:pt x="32670" y="59787"/>
                    <a:pt x="26137" y="55649"/>
                  </a:cubicBezTo>
                  <a:cubicBezTo>
                    <a:pt x="16988" y="49986"/>
                    <a:pt x="12632" y="42145"/>
                    <a:pt x="14157" y="28642"/>
                  </a:cubicBezTo>
                  <a:cubicBezTo>
                    <a:pt x="17098" y="10236"/>
                    <a:pt x="33978" y="0"/>
                    <a:pt x="55322" y="0"/>
                  </a:cubicBezTo>
                  <a:cubicBezTo>
                    <a:pt x="69915" y="0"/>
                    <a:pt x="81894" y="4792"/>
                    <a:pt x="91586" y="14266"/>
                  </a:cubicBezTo>
                  <a:lnTo>
                    <a:pt x="76122" y="32343"/>
                  </a:lnTo>
                  <a:cubicBezTo>
                    <a:pt x="69696" y="26354"/>
                    <a:pt x="62291" y="23413"/>
                    <a:pt x="53907" y="23413"/>
                  </a:cubicBezTo>
                  <a:cubicBezTo>
                    <a:pt x="47153" y="23413"/>
                    <a:pt x="43125" y="25374"/>
                    <a:pt x="42253" y="29621"/>
                  </a:cubicBezTo>
                  <a:cubicBezTo>
                    <a:pt x="41491" y="33106"/>
                    <a:pt x="43342" y="36047"/>
                    <a:pt x="47699" y="38006"/>
                  </a:cubicBezTo>
                  <a:cubicBezTo>
                    <a:pt x="49114" y="38769"/>
                    <a:pt x="52055" y="39967"/>
                    <a:pt x="56412" y="41600"/>
                  </a:cubicBezTo>
                  <a:cubicBezTo>
                    <a:pt x="60766" y="43234"/>
                    <a:pt x="64470" y="44650"/>
                    <a:pt x="67518" y="46392"/>
                  </a:cubicBezTo>
                  <a:cubicBezTo>
                    <a:pt x="77320" y="50530"/>
                    <a:pt x="88863" y="60223"/>
                    <a:pt x="85378" y="75033"/>
                  </a:cubicBezTo>
                  <a:cubicBezTo>
                    <a:pt x="83745" y="84725"/>
                    <a:pt x="78845" y="92349"/>
                    <a:pt x="70568" y="97794"/>
                  </a:cubicBezTo>
                  <a:cubicBezTo>
                    <a:pt x="62401" y="103238"/>
                    <a:pt x="52491" y="105962"/>
                    <a:pt x="41383" y="105962"/>
                  </a:cubicBezTo>
                  <a:cubicBezTo>
                    <a:pt x="23523" y="105852"/>
                    <a:pt x="9693" y="99644"/>
                    <a:pt x="0" y="87013"/>
                  </a:cubicBezTo>
                  <a:close/>
                </a:path>
              </a:pathLst>
            </a:custGeom>
            <a:solidFill>
              <a:srgbClr val="FFFFFF"/>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01" name="Freeform: Shape 1100">
              <a:extLst>
                <a:ext uri="{FF2B5EF4-FFF2-40B4-BE49-F238E27FC236}">
                  <a16:creationId xmlns:a16="http://schemas.microsoft.com/office/drawing/2014/main" id="{979EE5B2-A636-E97D-08AA-0590E5F31D5B}"/>
                </a:ext>
              </a:extLst>
            </p:cNvPr>
            <p:cNvSpPr/>
            <p:nvPr/>
          </p:nvSpPr>
          <p:spPr>
            <a:xfrm>
              <a:off x="1210825" y="5930079"/>
              <a:ext cx="237348" cy="166549"/>
            </a:xfrm>
            <a:custGeom>
              <a:avLst/>
              <a:gdLst>
                <a:gd name="connsiteX0" fmla="*/ 83276 w 237348"/>
                <a:gd name="connsiteY0" fmla="*/ 166550 h 166549"/>
                <a:gd name="connsiteX1" fmla="*/ 55130 w 237348"/>
                <a:gd name="connsiteY1" fmla="*/ 166550 h 166549"/>
                <a:gd name="connsiteX2" fmla="*/ 0 w 237348"/>
                <a:gd name="connsiteY2" fmla="*/ 0 h 166549"/>
                <a:gd name="connsiteX3" fmla="*/ 36560 w 237348"/>
                <a:gd name="connsiteY3" fmla="*/ 0 h 166549"/>
                <a:gd name="connsiteX4" fmla="*/ 70219 w 237348"/>
                <a:gd name="connsiteY4" fmla="*/ 112000 h 166549"/>
                <a:gd name="connsiteX5" fmla="*/ 107938 w 237348"/>
                <a:gd name="connsiteY5" fmla="*/ 0 h 166549"/>
                <a:gd name="connsiteX6" fmla="*/ 129120 w 237348"/>
                <a:gd name="connsiteY6" fmla="*/ 0 h 166549"/>
                <a:gd name="connsiteX7" fmla="*/ 167711 w 237348"/>
                <a:gd name="connsiteY7" fmla="*/ 112000 h 166549"/>
                <a:gd name="connsiteX8" fmla="*/ 200789 w 237348"/>
                <a:gd name="connsiteY8" fmla="*/ 0 h 166549"/>
                <a:gd name="connsiteX9" fmla="*/ 237349 w 237348"/>
                <a:gd name="connsiteY9" fmla="*/ 0 h 166549"/>
                <a:gd name="connsiteX10" fmla="*/ 182509 w 237348"/>
                <a:gd name="connsiteY10" fmla="*/ 166550 h 166549"/>
                <a:gd name="connsiteX11" fmla="*/ 154363 w 237348"/>
                <a:gd name="connsiteY11" fmla="*/ 166550 h 166549"/>
                <a:gd name="connsiteX12" fmla="*/ 118965 w 237348"/>
                <a:gd name="connsiteY12" fmla="*/ 57451 h 166549"/>
                <a:gd name="connsiteX13" fmla="*/ 83276 w 237348"/>
                <a:gd name="connsiteY13" fmla="*/ 166550 h 1665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237348" h="166549">
                  <a:moveTo>
                    <a:pt x="83276" y="166550"/>
                  </a:moveTo>
                  <a:lnTo>
                    <a:pt x="55130" y="166550"/>
                  </a:lnTo>
                  <a:lnTo>
                    <a:pt x="0" y="0"/>
                  </a:lnTo>
                  <a:lnTo>
                    <a:pt x="36560" y="0"/>
                  </a:lnTo>
                  <a:lnTo>
                    <a:pt x="70219" y="112000"/>
                  </a:lnTo>
                  <a:lnTo>
                    <a:pt x="107938" y="0"/>
                  </a:lnTo>
                  <a:lnTo>
                    <a:pt x="129120" y="0"/>
                  </a:lnTo>
                  <a:lnTo>
                    <a:pt x="167711" y="112000"/>
                  </a:lnTo>
                  <a:lnTo>
                    <a:pt x="200789" y="0"/>
                  </a:lnTo>
                  <a:lnTo>
                    <a:pt x="237349" y="0"/>
                  </a:lnTo>
                  <a:lnTo>
                    <a:pt x="182509" y="166550"/>
                  </a:lnTo>
                  <a:lnTo>
                    <a:pt x="154363" y="166550"/>
                  </a:lnTo>
                  <a:lnTo>
                    <a:pt x="118965" y="57451"/>
                  </a:lnTo>
                  <a:lnTo>
                    <a:pt x="83276" y="166550"/>
                  </a:ln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02" name="Freeform: Shape 1101">
              <a:extLst>
                <a:ext uri="{FF2B5EF4-FFF2-40B4-BE49-F238E27FC236}">
                  <a16:creationId xmlns:a16="http://schemas.microsoft.com/office/drawing/2014/main" id="{AD4271CD-9155-DB91-51C1-E10D1298065F}"/>
                </a:ext>
              </a:extLst>
            </p:cNvPr>
            <p:cNvSpPr/>
            <p:nvPr/>
          </p:nvSpPr>
          <p:spPr>
            <a:xfrm>
              <a:off x="1447581" y="5970697"/>
              <a:ext cx="79211" cy="125927"/>
            </a:xfrm>
            <a:custGeom>
              <a:avLst/>
              <a:gdLst>
                <a:gd name="connsiteX0" fmla="*/ 31917 w 79211"/>
                <a:gd name="connsiteY0" fmla="*/ 125928 h 125927"/>
                <a:gd name="connsiteX1" fmla="*/ 0 w 79211"/>
                <a:gd name="connsiteY1" fmla="*/ 125928 h 125927"/>
                <a:gd name="connsiteX2" fmla="*/ 0 w 79211"/>
                <a:gd name="connsiteY2" fmla="*/ 3192 h 125927"/>
                <a:gd name="connsiteX3" fmla="*/ 30757 w 79211"/>
                <a:gd name="connsiteY3" fmla="*/ 3192 h 125927"/>
                <a:gd name="connsiteX4" fmla="*/ 30757 w 79211"/>
                <a:gd name="connsiteY4" fmla="*/ 19732 h 125927"/>
                <a:gd name="connsiteX5" fmla="*/ 64414 w 79211"/>
                <a:gd name="connsiteY5" fmla="*/ 0 h 125927"/>
                <a:gd name="connsiteX6" fmla="*/ 79212 w 79211"/>
                <a:gd name="connsiteY6" fmla="*/ 2611 h 125927"/>
                <a:gd name="connsiteX7" fmla="*/ 76601 w 79211"/>
                <a:gd name="connsiteY7" fmla="*/ 33078 h 125927"/>
                <a:gd name="connsiteX8" fmla="*/ 62093 w 79211"/>
                <a:gd name="connsiteY8" fmla="*/ 30467 h 125927"/>
                <a:gd name="connsiteX9" fmla="*/ 40041 w 79211"/>
                <a:gd name="connsiteY9" fmla="*/ 39751 h 125927"/>
                <a:gd name="connsiteX10" fmla="*/ 31917 w 79211"/>
                <a:gd name="connsiteY10" fmla="*/ 67606 h 125927"/>
                <a:gd name="connsiteX11" fmla="*/ 31917 w 79211"/>
                <a:gd name="connsiteY11" fmla="*/ 125928 h 125927"/>
                <a:gd name="connsiteX12" fmla="*/ 31917 w 79211"/>
                <a:gd name="connsiteY12" fmla="*/ 125928 h 12592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79211" h="125927">
                  <a:moveTo>
                    <a:pt x="31917" y="125928"/>
                  </a:moveTo>
                  <a:lnTo>
                    <a:pt x="0" y="125928"/>
                  </a:lnTo>
                  <a:lnTo>
                    <a:pt x="0" y="3192"/>
                  </a:lnTo>
                  <a:lnTo>
                    <a:pt x="30757" y="3192"/>
                  </a:lnTo>
                  <a:lnTo>
                    <a:pt x="30757" y="19732"/>
                  </a:lnTo>
                  <a:cubicBezTo>
                    <a:pt x="38011" y="6384"/>
                    <a:pt x="49327" y="0"/>
                    <a:pt x="64414" y="0"/>
                  </a:cubicBezTo>
                  <a:cubicBezTo>
                    <a:pt x="69347" y="0"/>
                    <a:pt x="74279" y="870"/>
                    <a:pt x="79212" y="2611"/>
                  </a:cubicBezTo>
                  <a:lnTo>
                    <a:pt x="76601" y="33078"/>
                  </a:lnTo>
                  <a:cubicBezTo>
                    <a:pt x="71087" y="31338"/>
                    <a:pt x="66446" y="30467"/>
                    <a:pt x="62093" y="30467"/>
                  </a:cubicBezTo>
                  <a:cubicBezTo>
                    <a:pt x="52808" y="30467"/>
                    <a:pt x="45554" y="33659"/>
                    <a:pt x="40041" y="39751"/>
                  </a:cubicBezTo>
                  <a:cubicBezTo>
                    <a:pt x="34819" y="45846"/>
                    <a:pt x="31917" y="55130"/>
                    <a:pt x="31917" y="67606"/>
                  </a:cubicBezTo>
                  <a:lnTo>
                    <a:pt x="31917" y="125928"/>
                  </a:lnTo>
                  <a:lnTo>
                    <a:pt x="31917" y="125928"/>
                  </a:ln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03" name="Freeform: Shape 1102">
              <a:extLst>
                <a:ext uri="{FF2B5EF4-FFF2-40B4-BE49-F238E27FC236}">
                  <a16:creationId xmlns:a16="http://schemas.microsoft.com/office/drawing/2014/main" id="{F7530F16-3CB3-B293-C7E3-E642CE25AA84}"/>
                </a:ext>
              </a:extLst>
            </p:cNvPr>
            <p:cNvSpPr/>
            <p:nvPr/>
          </p:nvSpPr>
          <p:spPr>
            <a:xfrm>
              <a:off x="1530876" y="5921384"/>
              <a:ext cx="38881" cy="175253"/>
            </a:xfrm>
            <a:custGeom>
              <a:avLst/>
              <a:gdLst>
                <a:gd name="connsiteX0" fmla="*/ 38881 w 38881"/>
                <a:gd name="connsiteY0" fmla="*/ 19150 h 175253"/>
                <a:gd name="connsiteX1" fmla="*/ 33368 w 38881"/>
                <a:gd name="connsiteY1" fmla="*/ 33077 h 175253"/>
                <a:gd name="connsiteX2" fmla="*/ 19441 w 38881"/>
                <a:gd name="connsiteY2" fmla="*/ 38591 h 175253"/>
                <a:gd name="connsiteX3" fmla="*/ 5513 w 38881"/>
                <a:gd name="connsiteY3" fmla="*/ 33077 h 175253"/>
                <a:gd name="connsiteX4" fmla="*/ 0 w 38881"/>
                <a:gd name="connsiteY4" fmla="*/ 19150 h 175253"/>
                <a:gd name="connsiteX5" fmla="*/ 5513 w 38881"/>
                <a:gd name="connsiteY5" fmla="*/ 5513 h 175253"/>
                <a:gd name="connsiteX6" fmla="*/ 19441 w 38881"/>
                <a:gd name="connsiteY6" fmla="*/ 0 h 175253"/>
                <a:gd name="connsiteX7" fmla="*/ 33368 w 38881"/>
                <a:gd name="connsiteY7" fmla="*/ 5513 h 175253"/>
                <a:gd name="connsiteX8" fmla="*/ 38881 w 38881"/>
                <a:gd name="connsiteY8" fmla="*/ 19150 h 175253"/>
                <a:gd name="connsiteX9" fmla="*/ 35109 w 38881"/>
                <a:gd name="connsiteY9" fmla="*/ 52518 h 175253"/>
                <a:gd name="connsiteX10" fmla="*/ 35109 w 38881"/>
                <a:gd name="connsiteY10" fmla="*/ 175254 h 175253"/>
                <a:gd name="connsiteX11" fmla="*/ 3192 w 38881"/>
                <a:gd name="connsiteY11" fmla="*/ 175254 h 175253"/>
                <a:gd name="connsiteX12" fmla="*/ 3192 w 38881"/>
                <a:gd name="connsiteY12" fmla="*/ 52518 h 175253"/>
                <a:gd name="connsiteX13" fmla="*/ 35109 w 38881"/>
                <a:gd name="connsiteY13" fmla="*/ 52518 h 175253"/>
                <a:gd name="connsiteX14" fmla="*/ 35109 w 38881"/>
                <a:gd name="connsiteY14" fmla="*/ 52518 h 17525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38881" h="175253">
                  <a:moveTo>
                    <a:pt x="38881" y="19150"/>
                  </a:moveTo>
                  <a:cubicBezTo>
                    <a:pt x="38881" y="24663"/>
                    <a:pt x="37140" y="29306"/>
                    <a:pt x="33368" y="33077"/>
                  </a:cubicBezTo>
                  <a:cubicBezTo>
                    <a:pt x="29595" y="36850"/>
                    <a:pt x="24954" y="38591"/>
                    <a:pt x="19441" y="38591"/>
                  </a:cubicBezTo>
                  <a:cubicBezTo>
                    <a:pt x="13927" y="38591"/>
                    <a:pt x="9284" y="36850"/>
                    <a:pt x="5513" y="33077"/>
                  </a:cubicBezTo>
                  <a:cubicBezTo>
                    <a:pt x="1741" y="29306"/>
                    <a:pt x="0" y="24663"/>
                    <a:pt x="0" y="19150"/>
                  </a:cubicBezTo>
                  <a:cubicBezTo>
                    <a:pt x="0" y="13637"/>
                    <a:pt x="1741" y="8995"/>
                    <a:pt x="5513" y="5513"/>
                  </a:cubicBezTo>
                  <a:cubicBezTo>
                    <a:pt x="9284" y="1741"/>
                    <a:pt x="13927" y="0"/>
                    <a:pt x="19441" y="0"/>
                  </a:cubicBezTo>
                  <a:cubicBezTo>
                    <a:pt x="24954" y="0"/>
                    <a:pt x="29595" y="1741"/>
                    <a:pt x="33368" y="5513"/>
                  </a:cubicBezTo>
                  <a:cubicBezTo>
                    <a:pt x="37140" y="8995"/>
                    <a:pt x="38881" y="13637"/>
                    <a:pt x="38881" y="19150"/>
                  </a:cubicBezTo>
                  <a:close/>
                  <a:moveTo>
                    <a:pt x="35109" y="52518"/>
                  </a:moveTo>
                  <a:lnTo>
                    <a:pt x="35109" y="175254"/>
                  </a:lnTo>
                  <a:lnTo>
                    <a:pt x="3192" y="175254"/>
                  </a:lnTo>
                  <a:lnTo>
                    <a:pt x="3192" y="52518"/>
                  </a:lnTo>
                  <a:lnTo>
                    <a:pt x="35109" y="52518"/>
                  </a:lnTo>
                  <a:lnTo>
                    <a:pt x="35109" y="52518"/>
                  </a:ln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04" name="Freeform: Shape 1103">
              <a:extLst>
                <a:ext uri="{FF2B5EF4-FFF2-40B4-BE49-F238E27FC236}">
                  <a16:creationId xmlns:a16="http://schemas.microsoft.com/office/drawing/2014/main" id="{BEA98EF4-59FB-6CFD-1B5F-054B3073C9AD}"/>
                </a:ext>
              </a:extLst>
            </p:cNvPr>
            <p:cNvSpPr/>
            <p:nvPr/>
          </p:nvSpPr>
          <p:spPr>
            <a:xfrm>
              <a:off x="1575269" y="5930079"/>
              <a:ext cx="98943" cy="169451"/>
            </a:xfrm>
            <a:custGeom>
              <a:avLst/>
              <a:gdLst>
                <a:gd name="connsiteX0" fmla="*/ 89368 w 98943"/>
                <a:gd name="connsiteY0" fmla="*/ 134342 h 169451"/>
                <a:gd name="connsiteX1" fmla="*/ 98944 w 98943"/>
                <a:gd name="connsiteY1" fmla="*/ 159296 h 169451"/>
                <a:gd name="connsiteX2" fmla="*/ 62675 w 98943"/>
                <a:gd name="connsiteY2" fmla="*/ 169452 h 169451"/>
                <a:gd name="connsiteX3" fmla="*/ 30757 w 98943"/>
                <a:gd name="connsiteY3" fmla="*/ 157265 h 169451"/>
                <a:gd name="connsiteX4" fmla="*/ 20021 w 98943"/>
                <a:gd name="connsiteY4" fmla="*/ 120995 h 169451"/>
                <a:gd name="connsiteX5" fmla="*/ 20021 w 98943"/>
                <a:gd name="connsiteY5" fmla="*/ 70219 h 169451"/>
                <a:gd name="connsiteX6" fmla="*/ 0 w 98943"/>
                <a:gd name="connsiteY6" fmla="*/ 70219 h 169451"/>
                <a:gd name="connsiteX7" fmla="*/ 0 w 98943"/>
                <a:gd name="connsiteY7" fmla="*/ 43524 h 169451"/>
                <a:gd name="connsiteX8" fmla="*/ 20311 w 98943"/>
                <a:gd name="connsiteY8" fmla="*/ 43524 h 169451"/>
                <a:gd name="connsiteX9" fmla="*/ 20311 w 98943"/>
                <a:gd name="connsiteY9" fmla="*/ 0 h 169451"/>
                <a:gd name="connsiteX10" fmla="*/ 51938 w 98943"/>
                <a:gd name="connsiteY10" fmla="*/ 0 h 169451"/>
                <a:gd name="connsiteX11" fmla="*/ 51938 w 98943"/>
                <a:gd name="connsiteY11" fmla="*/ 43524 h 169451"/>
                <a:gd name="connsiteX12" fmla="*/ 92560 w 98943"/>
                <a:gd name="connsiteY12" fmla="*/ 43524 h 169451"/>
                <a:gd name="connsiteX13" fmla="*/ 92560 w 98943"/>
                <a:gd name="connsiteY13" fmla="*/ 70219 h 169451"/>
                <a:gd name="connsiteX14" fmla="*/ 51938 w 98943"/>
                <a:gd name="connsiteY14" fmla="*/ 70219 h 169451"/>
                <a:gd name="connsiteX15" fmla="*/ 51938 w 98943"/>
                <a:gd name="connsiteY15" fmla="*/ 118965 h 169451"/>
                <a:gd name="connsiteX16" fmla="*/ 69348 w 98943"/>
                <a:gd name="connsiteY16" fmla="*/ 140725 h 169451"/>
                <a:gd name="connsiteX17" fmla="*/ 89368 w 98943"/>
                <a:gd name="connsiteY17" fmla="*/ 134342 h 1694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98943" h="169451">
                  <a:moveTo>
                    <a:pt x="89368" y="134342"/>
                  </a:moveTo>
                  <a:lnTo>
                    <a:pt x="98944" y="159296"/>
                  </a:lnTo>
                  <a:cubicBezTo>
                    <a:pt x="88789" y="165969"/>
                    <a:pt x="76602" y="169452"/>
                    <a:pt x="62675" y="169452"/>
                  </a:cubicBezTo>
                  <a:cubicBezTo>
                    <a:pt x="48457" y="169452"/>
                    <a:pt x="38011" y="165390"/>
                    <a:pt x="30757" y="157265"/>
                  </a:cubicBezTo>
                  <a:cubicBezTo>
                    <a:pt x="23503" y="149141"/>
                    <a:pt x="20021" y="136954"/>
                    <a:pt x="20021" y="120995"/>
                  </a:cubicBezTo>
                  <a:lnTo>
                    <a:pt x="20021" y="70219"/>
                  </a:lnTo>
                  <a:lnTo>
                    <a:pt x="0" y="70219"/>
                  </a:lnTo>
                  <a:lnTo>
                    <a:pt x="0" y="43524"/>
                  </a:lnTo>
                  <a:lnTo>
                    <a:pt x="20311" y="43524"/>
                  </a:lnTo>
                  <a:lnTo>
                    <a:pt x="20311" y="0"/>
                  </a:lnTo>
                  <a:lnTo>
                    <a:pt x="51938" y="0"/>
                  </a:lnTo>
                  <a:lnTo>
                    <a:pt x="51938" y="43524"/>
                  </a:lnTo>
                  <a:lnTo>
                    <a:pt x="92560" y="43524"/>
                  </a:lnTo>
                  <a:lnTo>
                    <a:pt x="92560" y="70219"/>
                  </a:lnTo>
                  <a:lnTo>
                    <a:pt x="51938" y="70219"/>
                  </a:lnTo>
                  <a:lnTo>
                    <a:pt x="51938" y="118965"/>
                  </a:lnTo>
                  <a:cubicBezTo>
                    <a:pt x="51938" y="133471"/>
                    <a:pt x="57741" y="140725"/>
                    <a:pt x="69348" y="140725"/>
                  </a:cubicBezTo>
                  <a:cubicBezTo>
                    <a:pt x="75151" y="140725"/>
                    <a:pt x="82114" y="138695"/>
                    <a:pt x="89368" y="134342"/>
                  </a:cubicBez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05" name="Freeform: Shape 1104">
              <a:extLst>
                <a:ext uri="{FF2B5EF4-FFF2-40B4-BE49-F238E27FC236}">
                  <a16:creationId xmlns:a16="http://schemas.microsoft.com/office/drawing/2014/main" id="{20C60385-C26C-2CA0-2E48-5AE5ACA52E1C}"/>
                </a:ext>
              </a:extLst>
            </p:cNvPr>
            <p:cNvSpPr/>
            <p:nvPr/>
          </p:nvSpPr>
          <p:spPr>
            <a:xfrm>
              <a:off x="1671594" y="5970697"/>
              <a:ext cx="125927" cy="128538"/>
            </a:xfrm>
            <a:custGeom>
              <a:avLst/>
              <a:gdLst>
                <a:gd name="connsiteX0" fmla="*/ 125928 w 125927"/>
                <a:gd name="connsiteY0" fmla="*/ 61803 h 128538"/>
                <a:gd name="connsiteX1" fmla="*/ 124766 w 125927"/>
                <a:gd name="connsiteY1" fmla="*/ 75730 h 128538"/>
                <a:gd name="connsiteX2" fmla="*/ 32497 w 125927"/>
                <a:gd name="connsiteY2" fmla="*/ 75730 h 128538"/>
                <a:gd name="connsiteX3" fmla="*/ 68187 w 125927"/>
                <a:gd name="connsiteY3" fmla="*/ 101846 h 128538"/>
                <a:gd name="connsiteX4" fmla="*/ 107938 w 125927"/>
                <a:gd name="connsiteY4" fmla="*/ 89368 h 128538"/>
                <a:gd name="connsiteX5" fmla="*/ 120414 w 125927"/>
                <a:gd name="connsiteY5" fmla="*/ 111711 h 128538"/>
                <a:gd name="connsiteX6" fmla="*/ 66736 w 125927"/>
                <a:gd name="connsiteY6" fmla="*/ 128539 h 128538"/>
                <a:gd name="connsiteX7" fmla="*/ 17119 w 125927"/>
                <a:gd name="connsiteY7" fmla="*/ 109970 h 128538"/>
                <a:gd name="connsiteX8" fmla="*/ 0 w 125927"/>
                <a:gd name="connsiteY8" fmla="*/ 64416 h 128538"/>
                <a:gd name="connsiteX9" fmla="*/ 17700 w 125927"/>
                <a:gd name="connsiteY9" fmla="*/ 18281 h 128538"/>
                <a:gd name="connsiteX10" fmla="*/ 63833 w 125927"/>
                <a:gd name="connsiteY10" fmla="*/ 0 h 128538"/>
                <a:gd name="connsiteX11" fmla="*/ 107938 w 125927"/>
                <a:gd name="connsiteY11" fmla="*/ 16540 h 128538"/>
                <a:gd name="connsiteX12" fmla="*/ 125928 w 125927"/>
                <a:gd name="connsiteY12" fmla="*/ 61803 h 128538"/>
                <a:gd name="connsiteX13" fmla="*/ 64414 w 125927"/>
                <a:gd name="connsiteY13" fmla="*/ 26405 h 128538"/>
                <a:gd name="connsiteX14" fmla="*/ 44103 w 125927"/>
                <a:gd name="connsiteY14" fmla="*/ 33368 h 128538"/>
                <a:gd name="connsiteX15" fmla="*/ 32787 w 125927"/>
                <a:gd name="connsiteY15" fmla="*/ 52229 h 128538"/>
                <a:gd name="connsiteX16" fmla="*/ 95171 w 125927"/>
                <a:gd name="connsiteY16" fmla="*/ 52229 h 128538"/>
                <a:gd name="connsiteX17" fmla="*/ 84725 w 125927"/>
                <a:gd name="connsiteY17" fmla="*/ 33368 h 128538"/>
                <a:gd name="connsiteX18" fmla="*/ 64414 w 125927"/>
                <a:gd name="connsiteY18" fmla="*/ 26405 h 1285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125927" h="128538">
                  <a:moveTo>
                    <a:pt x="125928" y="61803"/>
                  </a:moveTo>
                  <a:cubicBezTo>
                    <a:pt x="125928" y="65576"/>
                    <a:pt x="125637" y="70219"/>
                    <a:pt x="124766" y="75730"/>
                  </a:cubicBezTo>
                  <a:lnTo>
                    <a:pt x="32497" y="75730"/>
                  </a:lnTo>
                  <a:cubicBezTo>
                    <a:pt x="37139" y="93141"/>
                    <a:pt x="49036" y="101846"/>
                    <a:pt x="68187" y="101846"/>
                  </a:cubicBezTo>
                  <a:cubicBezTo>
                    <a:pt x="82404" y="101846"/>
                    <a:pt x="95752" y="97784"/>
                    <a:pt x="107938" y="89368"/>
                  </a:cubicBezTo>
                  <a:lnTo>
                    <a:pt x="120414" y="111711"/>
                  </a:lnTo>
                  <a:cubicBezTo>
                    <a:pt x="104746" y="123027"/>
                    <a:pt x="87046" y="128539"/>
                    <a:pt x="66736" y="128539"/>
                  </a:cubicBezTo>
                  <a:cubicBezTo>
                    <a:pt x="45263" y="128539"/>
                    <a:pt x="28725" y="122446"/>
                    <a:pt x="17119" y="109970"/>
                  </a:cubicBezTo>
                  <a:cubicBezTo>
                    <a:pt x="5803" y="97784"/>
                    <a:pt x="0" y="82405"/>
                    <a:pt x="0" y="64416"/>
                  </a:cubicBezTo>
                  <a:cubicBezTo>
                    <a:pt x="0" y="45554"/>
                    <a:pt x="5803" y="30176"/>
                    <a:pt x="17700" y="18281"/>
                  </a:cubicBezTo>
                  <a:cubicBezTo>
                    <a:pt x="29595" y="6094"/>
                    <a:pt x="44974" y="0"/>
                    <a:pt x="63833" y="0"/>
                  </a:cubicBezTo>
                  <a:cubicBezTo>
                    <a:pt x="81823" y="0"/>
                    <a:pt x="96331" y="5513"/>
                    <a:pt x="107938" y="16540"/>
                  </a:cubicBezTo>
                  <a:cubicBezTo>
                    <a:pt x="120125" y="27856"/>
                    <a:pt x="125928" y="42943"/>
                    <a:pt x="125928" y="61803"/>
                  </a:cubicBezTo>
                  <a:close/>
                  <a:moveTo>
                    <a:pt x="64414" y="26405"/>
                  </a:moveTo>
                  <a:cubicBezTo>
                    <a:pt x="56579" y="26405"/>
                    <a:pt x="49617" y="28726"/>
                    <a:pt x="44103" y="33368"/>
                  </a:cubicBezTo>
                  <a:cubicBezTo>
                    <a:pt x="38590" y="38011"/>
                    <a:pt x="34819" y="44105"/>
                    <a:pt x="32787" y="52229"/>
                  </a:cubicBezTo>
                  <a:lnTo>
                    <a:pt x="95171" y="52229"/>
                  </a:lnTo>
                  <a:cubicBezTo>
                    <a:pt x="93720" y="44394"/>
                    <a:pt x="90238" y="38011"/>
                    <a:pt x="84725" y="33368"/>
                  </a:cubicBezTo>
                  <a:cubicBezTo>
                    <a:pt x="79212" y="28726"/>
                    <a:pt x="72539" y="26405"/>
                    <a:pt x="64414" y="26405"/>
                  </a:cubicBez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06" name="Freeform: Shape 1105">
              <a:extLst>
                <a:ext uri="{FF2B5EF4-FFF2-40B4-BE49-F238E27FC236}">
                  <a16:creationId xmlns:a16="http://schemas.microsoft.com/office/drawing/2014/main" id="{50609A7A-F570-2975-60A2-C0666E0D885E}"/>
                </a:ext>
              </a:extLst>
            </p:cNvPr>
            <p:cNvSpPr/>
            <p:nvPr/>
          </p:nvSpPr>
          <p:spPr>
            <a:xfrm>
              <a:off x="1800140" y="5969253"/>
              <a:ext cx="99522" cy="130569"/>
            </a:xfrm>
            <a:custGeom>
              <a:avLst/>
              <a:gdLst>
                <a:gd name="connsiteX0" fmla="*/ 50777 w 99522"/>
                <a:gd name="connsiteY0" fmla="*/ 130569 h 130569"/>
                <a:gd name="connsiteX1" fmla="*/ 0 w 99522"/>
                <a:gd name="connsiteY1" fmla="*/ 106777 h 130569"/>
                <a:gd name="connsiteX2" fmla="*/ 16830 w 99522"/>
                <a:gd name="connsiteY2" fmla="*/ 86757 h 130569"/>
                <a:gd name="connsiteX3" fmla="*/ 32498 w 99522"/>
                <a:gd name="connsiteY3" fmla="*/ 99233 h 130569"/>
                <a:gd name="connsiteX4" fmla="*/ 50777 w 99522"/>
                <a:gd name="connsiteY4" fmla="*/ 103876 h 130569"/>
                <a:gd name="connsiteX5" fmla="*/ 62963 w 99522"/>
                <a:gd name="connsiteY5" fmla="*/ 100393 h 130569"/>
                <a:gd name="connsiteX6" fmla="*/ 67896 w 99522"/>
                <a:gd name="connsiteY6" fmla="*/ 91690 h 130569"/>
                <a:gd name="connsiteX7" fmla="*/ 59192 w 99522"/>
                <a:gd name="connsiteY7" fmla="*/ 81244 h 130569"/>
                <a:gd name="connsiteX8" fmla="*/ 44684 w 99522"/>
                <a:gd name="connsiteY8" fmla="*/ 75730 h 130569"/>
                <a:gd name="connsiteX9" fmla="*/ 29016 w 99522"/>
                <a:gd name="connsiteY9" fmla="*/ 69057 h 130569"/>
                <a:gd name="connsiteX10" fmla="*/ 7835 w 99522"/>
                <a:gd name="connsiteY10" fmla="*/ 37139 h 130569"/>
                <a:gd name="connsiteX11" fmla="*/ 20311 w 99522"/>
                <a:gd name="connsiteY11" fmla="*/ 10446 h 130569"/>
                <a:gd name="connsiteX12" fmla="*/ 53679 w 99522"/>
                <a:gd name="connsiteY12" fmla="*/ 0 h 130569"/>
                <a:gd name="connsiteX13" fmla="*/ 96622 w 99522"/>
                <a:gd name="connsiteY13" fmla="*/ 17700 h 130569"/>
                <a:gd name="connsiteX14" fmla="*/ 80954 w 99522"/>
                <a:gd name="connsiteY14" fmla="*/ 38300 h 130569"/>
                <a:gd name="connsiteX15" fmla="*/ 52808 w 99522"/>
                <a:gd name="connsiteY15" fmla="*/ 26114 h 130569"/>
                <a:gd name="connsiteX16" fmla="*/ 42652 w 99522"/>
                <a:gd name="connsiteY16" fmla="*/ 29014 h 130569"/>
                <a:gd name="connsiteX17" fmla="*/ 38590 w 99522"/>
                <a:gd name="connsiteY17" fmla="*/ 36269 h 130569"/>
                <a:gd name="connsiteX18" fmla="*/ 49327 w 99522"/>
                <a:gd name="connsiteY18" fmla="*/ 47585 h 130569"/>
                <a:gd name="connsiteX19" fmla="*/ 78922 w 99522"/>
                <a:gd name="connsiteY19" fmla="*/ 59482 h 130569"/>
                <a:gd name="connsiteX20" fmla="*/ 99523 w 99522"/>
                <a:gd name="connsiteY20" fmla="*/ 90528 h 130569"/>
                <a:gd name="connsiteX21" fmla="*/ 85887 w 99522"/>
                <a:gd name="connsiteY21" fmla="*/ 118963 h 130569"/>
                <a:gd name="connsiteX22" fmla="*/ 50777 w 99522"/>
                <a:gd name="connsiteY22" fmla="*/ 130569 h 1305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99522" h="130569">
                  <a:moveTo>
                    <a:pt x="50777" y="130569"/>
                  </a:moveTo>
                  <a:cubicBezTo>
                    <a:pt x="29306" y="130569"/>
                    <a:pt x="12476" y="122736"/>
                    <a:pt x="0" y="106777"/>
                  </a:cubicBezTo>
                  <a:lnTo>
                    <a:pt x="16830" y="86757"/>
                  </a:lnTo>
                  <a:cubicBezTo>
                    <a:pt x="21181" y="91979"/>
                    <a:pt x="26403" y="96041"/>
                    <a:pt x="32498" y="99233"/>
                  </a:cubicBezTo>
                  <a:cubicBezTo>
                    <a:pt x="38590" y="102425"/>
                    <a:pt x="44684" y="103876"/>
                    <a:pt x="50777" y="103876"/>
                  </a:cubicBezTo>
                  <a:cubicBezTo>
                    <a:pt x="55711" y="103876"/>
                    <a:pt x="59482" y="102715"/>
                    <a:pt x="62963" y="100393"/>
                  </a:cubicBezTo>
                  <a:cubicBezTo>
                    <a:pt x="66155" y="98072"/>
                    <a:pt x="67896" y="95171"/>
                    <a:pt x="67896" y="91690"/>
                  </a:cubicBezTo>
                  <a:cubicBezTo>
                    <a:pt x="67896" y="87336"/>
                    <a:pt x="64995" y="83855"/>
                    <a:pt x="59192" y="81244"/>
                  </a:cubicBezTo>
                  <a:cubicBezTo>
                    <a:pt x="57451" y="80373"/>
                    <a:pt x="52519" y="78633"/>
                    <a:pt x="44684" y="75730"/>
                  </a:cubicBezTo>
                  <a:cubicBezTo>
                    <a:pt x="37720" y="73119"/>
                    <a:pt x="32498" y="71087"/>
                    <a:pt x="29016" y="69057"/>
                  </a:cubicBezTo>
                  <a:cubicBezTo>
                    <a:pt x="14798" y="62384"/>
                    <a:pt x="7835" y="51647"/>
                    <a:pt x="7835" y="37139"/>
                  </a:cubicBezTo>
                  <a:cubicBezTo>
                    <a:pt x="7835" y="26403"/>
                    <a:pt x="11897" y="17700"/>
                    <a:pt x="20311" y="10446"/>
                  </a:cubicBezTo>
                  <a:cubicBezTo>
                    <a:pt x="28435" y="3481"/>
                    <a:pt x="39752" y="0"/>
                    <a:pt x="53679" y="0"/>
                  </a:cubicBezTo>
                  <a:cubicBezTo>
                    <a:pt x="71087" y="0"/>
                    <a:pt x="85595" y="5803"/>
                    <a:pt x="96622" y="17700"/>
                  </a:cubicBezTo>
                  <a:lnTo>
                    <a:pt x="80954" y="38300"/>
                  </a:lnTo>
                  <a:cubicBezTo>
                    <a:pt x="72249" y="30176"/>
                    <a:pt x="62963" y="26114"/>
                    <a:pt x="52808" y="26114"/>
                  </a:cubicBezTo>
                  <a:cubicBezTo>
                    <a:pt x="48746" y="26114"/>
                    <a:pt x="45265" y="26984"/>
                    <a:pt x="42652" y="29014"/>
                  </a:cubicBezTo>
                  <a:cubicBezTo>
                    <a:pt x="40041" y="31046"/>
                    <a:pt x="38590" y="33368"/>
                    <a:pt x="38590" y="36269"/>
                  </a:cubicBezTo>
                  <a:cubicBezTo>
                    <a:pt x="38590" y="41492"/>
                    <a:pt x="42073" y="45263"/>
                    <a:pt x="49327" y="47585"/>
                  </a:cubicBezTo>
                  <a:cubicBezTo>
                    <a:pt x="65285" y="53679"/>
                    <a:pt x="75150" y="57450"/>
                    <a:pt x="78922" y="59482"/>
                  </a:cubicBezTo>
                  <a:cubicBezTo>
                    <a:pt x="92850" y="66736"/>
                    <a:pt x="99523" y="77181"/>
                    <a:pt x="99523" y="90528"/>
                  </a:cubicBezTo>
                  <a:cubicBezTo>
                    <a:pt x="99523" y="102135"/>
                    <a:pt x="94881" y="111420"/>
                    <a:pt x="85887" y="118963"/>
                  </a:cubicBezTo>
                  <a:cubicBezTo>
                    <a:pt x="77181" y="126798"/>
                    <a:pt x="65576" y="130569"/>
                    <a:pt x="50777" y="130569"/>
                  </a:cubicBez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07" name="Freeform: Shape 1106">
              <a:extLst>
                <a:ext uri="{FF2B5EF4-FFF2-40B4-BE49-F238E27FC236}">
                  <a16:creationId xmlns:a16="http://schemas.microsoft.com/office/drawing/2014/main" id="{02458A25-E47C-66F8-9AE3-C5E94DFC2C13}"/>
                </a:ext>
              </a:extLst>
            </p:cNvPr>
            <p:cNvSpPr/>
            <p:nvPr/>
          </p:nvSpPr>
          <p:spPr>
            <a:xfrm>
              <a:off x="1905444" y="5970426"/>
              <a:ext cx="131730" cy="129119"/>
            </a:xfrm>
            <a:custGeom>
              <a:avLst/>
              <a:gdLst>
                <a:gd name="connsiteX0" fmla="*/ 0 w 131730"/>
                <a:gd name="connsiteY0" fmla="*/ 64705 h 129119"/>
                <a:gd name="connsiteX1" fmla="*/ 18570 w 131730"/>
                <a:gd name="connsiteY1" fmla="*/ 18861 h 129119"/>
                <a:gd name="connsiteX2" fmla="*/ 65865 w 131730"/>
                <a:gd name="connsiteY2" fmla="*/ 0 h 129119"/>
                <a:gd name="connsiteX3" fmla="*/ 113162 w 131730"/>
                <a:gd name="connsiteY3" fmla="*/ 18861 h 129119"/>
                <a:gd name="connsiteX4" fmla="*/ 131731 w 131730"/>
                <a:gd name="connsiteY4" fmla="*/ 64705 h 129119"/>
                <a:gd name="connsiteX5" fmla="*/ 113162 w 131730"/>
                <a:gd name="connsiteY5" fmla="*/ 110551 h 129119"/>
                <a:gd name="connsiteX6" fmla="*/ 65865 w 131730"/>
                <a:gd name="connsiteY6" fmla="*/ 129120 h 129119"/>
                <a:gd name="connsiteX7" fmla="*/ 18570 w 131730"/>
                <a:gd name="connsiteY7" fmla="*/ 110551 h 129119"/>
                <a:gd name="connsiteX8" fmla="*/ 0 w 131730"/>
                <a:gd name="connsiteY8" fmla="*/ 64705 h 129119"/>
                <a:gd name="connsiteX9" fmla="*/ 41492 w 131730"/>
                <a:gd name="connsiteY9" fmla="*/ 89659 h 129119"/>
                <a:gd name="connsiteX10" fmla="*/ 65865 w 131730"/>
                <a:gd name="connsiteY10" fmla="*/ 99814 h 129119"/>
                <a:gd name="connsiteX11" fmla="*/ 89949 w 131730"/>
                <a:gd name="connsiteY11" fmla="*/ 89659 h 129119"/>
                <a:gd name="connsiteX12" fmla="*/ 99814 w 131730"/>
                <a:gd name="connsiteY12" fmla="*/ 64705 h 129119"/>
                <a:gd name="connsiteX13" fmla="*/ 89949 w 131730"/>
                <a:gd name="connsiteY13" fmla="*/ 40043 h 129119"/>
                <a:gd name="connsiteX14" fmla="*/ 65865 w 131730"/>
                <a:gd name="connsiteY14" fmla="*/ 29886 h 129119"/>
                <a:gd name="connsiteX15" fmla="*/ 41492 w 131730"/>
                <a:gd name="connsiteY15" fmla="*/ 40043 h 129119"/>
                <a:gd name="connsiteX16" fmla="*/ 31918 w 131730"/>
                <a:gd name="connsiteY16" fmla="*/ 64705 h 129119"/>
                <a:gd name="connsiteX17" fmla="*/ 41492 w 131730"/>
                <a:gd name="connsiteY17" fmla="*/ 89659 h 1291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131730" h="129119">
                  <a:moveTo>
                    <a:pt x="0" y="64705"/>
                  </a:moveTo>
                  <a:cubicBezTo>
                    <a:pt x="0" y="46426"/>
                    <a:pt x="6094" y="31338"/>
                    <a:pt x="18570" y="18861"/>
                  </a:cubicBezTo>
                  <a:cubicBezTo>
                    <a:pt x="31046" y="6384"/>
                    <a:pt x="46716" y="0"/>
                    <a:pt x="65865" y="0"/>
                  </a:cubicBezTo>
                  <a:cubicBezTo>
                    <a:pt x="85016" y="0"/>
                    <a:pt x="100684" y="6384"/>
                    <a:pt x="113162" y="18861"/>
                  </a:cubicBezTo>
                  <a:cubicBezTo>
                    <a:pt x="125348" y="31048"/>
                    <a:pt x="131731" y="46426"/>
                    <a:pt x="131731" y="64705"/>
                  </a:cubicBezTo>
                  <a:cubicBezTo>
                    <a:pt x="131731" y="82986"/>
                    <a:pt x="125638" y="98364"/>
                    <a:pt x="113162" y="110551"/>
                  </a:cubicBezTo>
                  <a:cubicBezTo>
                    <a:pt x="100684" y="123027"/>
                    <a:pt x="85016" y="129120"/>
                    <a:pt x="65865" y="129120"/>
                  </a:cubicBezTo>
                  <a:cubicBezTo>
                    <a:pt x="46716" y="129120"/>
                    <a:pt x="31046" y="123027"/>
                    <a:pt x="18570" y="110551"/>
                  </a:cubicBezTo>
                  <a:cubicBezTo>
                    <a:pt x="6094" y="98364"/>
                    <a:pt x="0" y="82986"/>
                    <a:pt x="0" y="64705"/>
                  </a:cubicBezTo>
                  <a:close/>
                  <a:moveTo>
                    <a:pt x="41492" y="89659"/>
                  </a:moveTo>
                  <a:cubicBezTo>
                    <a:pt x="47876" y="96332"/>
                    <a:pt x="56000" y="99814"/>
                    <a:pt x="65865" y="99814"/>
                  </a:cubicBezTo>
                  <a:cubicBezTo>
                    <a:pt x="75441" y="99814"/>
                    <a:pt x="83276" y="96332"/>
                    <a:pt x="89949" y="89659"/>
                  </a:cubicBezTo>
                  <a:cubicBezTo>
                    <a:pt x="96622" y="82695"/>
                    <a:pt x="99814" y="74281"/>
                    <a:pt x="99814" y="64705"/>
                  </a:cubicBezTo>
                  <a:cubicBezTo>
                    <a:pt x="99814" y="55130"/>
                    <a:pt x="96622" y="46716"/>
                    <a:pt x="89949" y="40043"/>
                  </a:cubicBezTo>
                  <a:cubicBezTo>
                    <a:pt x="83276" y="33369"/>
                    <a:pt x="75441" y="29886"/>
                    <a:pt x="65865" y="29886"/>
                  </a:cubicBezTo>
                  <a:cubicBezTo>
                    <a:pt x="56000" y="29886"/>
                    <a:pt x="47876" y="33369"/>
                    <a:pt x="41492" y="40043"/>
                  </a:cubicBezTo>
                  <a:cubicBezTo>
                    <a:pt x="35110" y="46716"/>
                    <a:pt x="31918" y="54840"/>
                    <a:pt x="31918" y="64705"/>
                  </a:cubicBezTo>
                  <a:cubicBezTo>
                    <a:pt x="31918" y="74570"/>
                    <a:pt x="35110" y="82986"/>
                    <a:pt x="41492" y="89659"/>
                  </a:cubicBez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08" name="Freeform: Shape 1107">
              <a:extLst>
                <a:ext uri="{FF2B5EF4-FFF2-40B4-BE49-F238E27FC236}">
                  <a16:creationId xmlns:a16="http://schemas.microsoft.com/office/drawing/2014/main" id="{E7FF169F-BCAC-94FA-F3E4-949138DD23F1}"/>
                </a:ext>
              </a:extLst>
            </p:cNvPr>
            <p:cNvSpPr/>
            <p:nvPr/>
          </p:nvSpPr>
          <p:spPr>
            <a:xfrm>
              <a:off x="2050238" y="5970697"/>
              <a:ext cx="117512" cy="126218"/>
            </a:xfrm>
            <a:custGeom>
              <a:avLst/>
              <a:gdLst>
                <a:gd name="connsiteX0" fmla="*/ 31918 w 117512"/>
                <a:gd name="connsiteY0" fmla="*/ 125928 h 126218"/>
                <a:gd name="connsiteX1" fmla="*/ 0 w 117512"/>
                <a:gd name="connsiteY1" fmla="*/ 125928 h 126218"/>
                <a:gd name="connsiteX2" fmla="*/ 0 w 117512"/>
                <a:gd name="connsiteY2" fmla="*/ 3192 h 126218"/>
                <a:gd name="connsiteX3" fmla="*/ 31048 w 117512"/>
                <a:gd name="connsiteY3" fmla="*/ 3192 h 126218"/>
                <a:gd name="connsiteX4" fmla="*/ 31048 w 117512"/>
                <a:gd name="connsiteY4" fmla="*/ 20311 h 126218"/>
                <a:gd name="connsiteX5" fmla="*/ 46426 w 117512"/>
                <a:gd name="connsiteY5" fmla="*/ 5513 h 126218"/>
                <a:gd name="connsiteX6" fmla="*/ 69638 w 117512"/>
                <a:gd name="connsiteY6" fmla="*/ 0 h 126218"/>
                <a:gd name="connsiteX7" fmla="*/ 103586 w 117512"/>
                <a:gd name="connsiteY7" fmla="*/ 13348 h 126218"/>
                <a:gd name="connsiteX8" fmla="*/ 117512 w 117512"/>
                <a:gd name="connsiteY8" fmla="*/ 51068 h 126218"/>
                <a:gd name="connsiteX9" fmla="*/ 117512 w 117512"/>
                <a:gd name="connsiteY9" fmla="*/ 126219 h 126218"/>
                <a:gd name="connsiteX10" fmla="*/ 85597 w 117512"/>
                <a:gd name="connsiteY10" fmla="*/ 126219 h 126218"/>
                <a:gd name="connsiteX11" fmla="*/ 85597 w 117512"/>
                <a:gd name="connsiteY11" fmla="*/ 59773 h 126218"/>
                <a:gd name="connsiteX12" fmla="*/ 78633 w 117512"/>
                <a:gd name="connsiteY12" fmla="*/ 37430 h 126218"/>
                <a:gd name="connsiteX13" fmla="*/ 59773 w 117512"/>
                <a:gd name="connsiteY13" fmla="*/ 29306 h 126218"/>
                <a:gd name="connsiteX14" fmla="*/ 39462 w 117512"/>
                <a:gd name="connsiteY14" fmla="*/ 38011 h 126218"/>
                <a:gd name="connsiteX15" fmla="*/ 31627 w 117512"/>
                <a:gd name="connsiteY15" fmla="*/ 60354 h 126218"/>
                <a:gd name="connsiteX16" fmla="*/ 31627 w 117512"/>
                <a:gd name="connsiteY16" fmla="*/ 125928 h 126218"/>
                <a:gd name="connsiteX17" fmla="*/ 31918 w 117512"/>
                <a:gd name="connsiteY17" fmla="*/ 125928 h 1262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117512" h="126218">
                  <a:moveTo>
                    <a:pt x="31918" y="125928"/>
                  </a:moveTo>
                  <a:lnTo>
                    <a:pt x="0" y="125928"/>
                  </a:lnTo>
                  <a:lnTo>
                    <a:pt x="0" y="3192"/>
                  </a:lnTo>
                  <a:lnTo>
                    <a:pt x="31048" y="3192"/>
                  </a:lnTo>
                  <a:lnTo>
                    <a:pt x="31048" y="20311"/>
                  </a:lnTo>
                  <a:cubicBezTo>
                    <a:pt x="34240" y="14218"/>
                    <a:pt x="39462" y="9286"/>
                    <a:pt x="46426" y="5513"/>
                  </a:cubicBezTo>
                  <a:cubicBezTo>
                    <a:pt x="53389" y="1741"/>
                    <a:pt x="60933" y="0"/>
                    <a:pt x="69638" y="0"/>
                  </a:cubicBezTo>
                  <a:cubicBezTo>
                    <a:pt x="82986" y="0"/>
                    <a:pt x="94302" y="4353"/>
                    <a:pt x="103586" y="13348"/>
                  </a:cubicBezTo>
                  <a:cubicBezTo>
                    <a:pt x="112875" y="22343"/>
                    <a:pt x="117512" y="34819"/>
                    <a:pt x="117512" y="51068"/>
                  </a:cubicBezTo>
                  <a:lnTo>
                    <a:pt x="117512" y="126219"/>
                  </a:lnTo>
                  <a:lnTo>
                    <a:pt x="85597" y="126219"/>
                  </a:lnTo>
                  <a:lnTo>
                    <a:pt x="85597" y="59773"/>
                  </a:lnTo>
                  <a:cubicBezTo>
                    <a:pt x="85597" y="50197"/>
                    <a:pt x="83276" y="42654"/>
                    <a:pt x="78633" y="37430"/>
                  </a:cubicBezTo>
                  <a:cubicBezTo>
                    <a:pt x="73991" y="32208"/>
                    <a:pt x="67607" y="29306"/>
                    <a:pt x="59773" y="29306"/>
                  </a:cubicBezTo>
                  <a:cubicBezTo>
                    <a:pt x="51359" y="29306"/>
                    <a:pt x="44685" y="32208"/>
                    <a:pt x="39462" y="38011"/>
                  </a:cubicBezTo>
                  <a:cubicBezTo>
                    <a:pt x="34240" y="43814"/>
                    <a:pt x="31627" y="51357"/>
                    <a:pt x="31627" y="60354"/>
                  </a:cubicBezTo>
                  <a:lnTo>
                    <a:pt x="31627" y="125928"/>
                  </a:lnTo>
                  <a:lnTo>
                    <a:pt x="31918" y="125928"/>
                  </a:ln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09" name="Freeform: Shape 1108">
              <a:extLst>
                <a:ext uri="{FF2B5EF4-FFF2-40B4-BE49-F238E27FC236}">
                  <a16:creationId xmlns:a16="http://schemas.microsoft.com/office/drawing/2014/main" id="{B0FC0284-DE4D-A385-87AB-72321BA54A7B}"/>
                </a:ext>
              </a:extLst>
            </p:cNvPr>
            <p:cNvSpPr/>
            <p:nvPr/>
          </p:nvSpPr>
          <p:spPr>
            <a:xfrm>
              <a:off x="2183417" y="5921384"/>
              <a:ext cx="38881" cy="175253"/>
            </a:xfrm>
            <a:custGeom>
              <a:avLst/>
              <a:gdLst>
                <a:gd name="connsiteX0" fmla="*/ 38881 w 38881"/>
                <a:gd name="connsiteY0" fmla="*/ 19150 h 175253"/>
                <a:gd name="connsiteX1" fmla="*/ 33366 w 38881"/>
                <a:gd name="connsiteY1" fmla="*/ 33077 h 175253"/>
                <a:gd name="connsiteX2" fmla="*/ 19440 w 38881"/>
                <a:gd name="connsiteY2" fmla="*/ 38591 h 175253"/>
                <a:gd name="connsiteX3" fmla="*/ 5515 w 38881"/>
                <a:gd name="connsiteY3" fmla="*/ 33077 h 175253"/>
                <a:gd name="connsiteX4" fmla="*/ 0 w 38881"/>
                <a:gd name="connsiteY4" fmla="*/ 19150 h 175253"/>
                <a:gd name="connsiteX5" fmla="*/ 5515 w 38881"/>
                <a:gd name="connsiteY5" fmla="*/ 5513 h 175253"/>
                <a:gd name="connsiteX6" fmla="*/ 19440 w 38881"/>
                <a:gd name="connsiteY6" fmla="*/ 0 h 175253"/>
                <a:gd name="connsiteX7" fmla="*/ 33366 w 38881"/>
                <a:gd name="connsiteY7" fmla="*/ 5513 h 175253"/>
                <a:gd name="connsiteX8" fmla="*/ 38881 w 38881"/>
                <a:gd name="connsiteY8" fmla="*/ 19150 h 175253"/>
                <a:gd name="connsiteX9" fmla="*/ 35107 w 38881"/>
                <a:gd name="connsiteY9" fmla="*/ 52518 h 175253"/>
                <a:gd name="connsiteX10" fmla="*/ 35107 w 38881"/>
                <a:gd name="connsiteY10" fmla="*/ 175254 h 175253"/>
                <a:gd name="connsiteX11" fmla="*/ 3189 w 38881"/>
                <a:gd name="connsiteY11" fmla="*/ 175254 h 175253"/>
                <a:gd name="connsiteX12" fmla="*/ 3189 w 38881"/>
                <a:gd name="connsiteY12" fmla="*/ 52518 h 175253"/>
                <a:gd name="connsiteX13" fmla="*/ 35107 w 38881"/>
                <a:gd name="connsiteY13" fmla="*/ 52518 h 175253"/>
                <a:gd name="connsiteX14" fmla="*/ 35107 w 38881"/>
                <a:gd name="connsiteY14" fmla="*/ 52518 h 17525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38881" h="175253">
                  <a:moveTo>
                    <a:pt x="38881" y="19150"/>
                  </a:moveTo>
                  <a:cubicBezTo>
                    <a:pt x="38881" y="24663"/>
                    <a:pt x="37140" y="29306"/>
                    <a:pt x="33366" y="33077"/>
                  </a:cubicBezTo>
                  <a:cubicBezTo>
                    <a:pt x="29592" y="36850"/>
                    <a:pt x="24955" y="38591"/>
                    <a:pt x="19440" y="38591"/>
                  </a:cubicBezTo>
                  <a:cubicBezTo>
                    <a:pt x="13926" y="38591"/>
                    <a:pt x="9289" y="36850"/>
                    <a:pt x="5515" y="33077"/>
                  </a:cubicBezTo>
                  <a:cubicBezTo>
                    <a:pt x="1741" y="29306"/>
                    <a:pt x="0" y="24663"/>
                    <a:pt x="0" y="19150"/>
                  </a:cubicBezTo>
                  <a:cubicBezTo>
                    <a:pt x="0" y="13637"/>
                    <a:pt x="1741" y="8995"/>
                    <a:pt x="5515" y="5513"/>
                  </a:cubicBezTo>
                  <a:cubicBezTo>
                    <a:pt x="9289" y="1741"/>
                    <a:pt x="13926" y="0"/>
                    <a:pt x="19440" y="0"/>
                  </a:cubicBezTo>
                  <a:cubicBezTo>
                    <a:pt x="24955" y="0"/>
                    <a:pt x="29592" y="1741"/>
                    <a:pt x="33366" y="5513"/>
                  </a:cubicBezTo>
                  <a:cubicBezTo>
                    <a:pt x="37140" y="8995"/>
                    <a:pt x="38881" y="13637"/>
                    <a:pt x="38881" y="19150"/>
                  </a:cubicBezTo>
                  <a:close/>
                  <a:moveTo>
                    <a:pt x="35107" y="52518"/>
                  </a:moveTo>
                  <a:lnTo>
                    <a:pt x="35107" y="175254"/>
                  </a:lnTo>
                  <a:lnTo>
                    <a:pt x="3189" y="175254"/>
                  </a:lnTo>
                  <a:lnTo>
                    <a:pt x="3189" y="52518"/>
                  </a:lnTo>
                  <a:lnTo>
                    <a:pt x="35107" y="52518"/>
                  </a:lnTo>
                  <a:lnTo>
                    <a:pt x="35107" y="52518"/>
                  </a:ln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10" name="Freeform: Shape 1109">
              <a:extLst>
                <a:ext uri="{FF2B5EF4-FFF2-40B4-BE49-F238E27FC236}">
                  <a16:creationId xmlns:a16="http://schemas.microsoft.com/office/drawing/2014/main" id="{5ED94E80-DA5D-0729-B38E-882957359C6D}"/>
                </a:ext>
              </a:extLst>
            </p:cNvPr>
            <p:cNvSpPr/>
            <p:nvPr/>
          </p:nvSpPr>
          <p:spPr>
            <a:xfrm>
              <a:off x="2231309" y="5970999"/>
              <a:ext cx="123313" cy="128538"/>
            </a:xfrm>
            <a:custGeom>
              <a:avLst/>
              <a:gdLst>
                <a:gd name="connsiteX0" fmla="*/ 65285 w 123313"/>
                <a:gd name="connsiteY0" fmla="*/ 128539 h 128538"/>
                <a:gd name="connsiteX1" fmla="*/ 18270 w 123313"/>
                <a:gd name="connsiteY1" fmla="*/ 110549 h 128538"/>
                <a:gd name="connsiteX2" fmla="*/ 0 w 123313"/>
                <a:gd name="connsiteY2" fmla="*/ 64414 h 128538"/>
                <a:gd name="connsiteX3" fmla="*/ 18563 w 123313"/>
                <a:gd name="connsiteY3" fmla="*/ 18279 h 128538"/>
                <a:gd name="connsiteX4" fmla="*/ 66147 w 123313"/>
                <a:gd name="connsiteY4" fmla="*/ 0 h 128538"/>
                <a:gd name="connsiteX5" fmla="*/ 100392 w 123313"/>
                <a:gd name="connsiteY5" fmla="*/ 8995 h 128538"/>
                <a:gd name="connsiteX6" fmla="*/ 123314 w 123313"/>
                <a:gd name="connsiteY6" fmla="*/ 34238 h 128538"/>
                <a:gd name="connsiteX7" fmla="*/ 97773 w 123313"/>
                <a:gd name="connsiteY7" fmla="*/ 48165 h 128538"/>
                <a:gd name="connsiteX8" fmla="*/ 66440 w 123313"/>
                <a:gd name="connsiteY8" fmla="*/ 29595 h 128538"/>
                <a:gd name="connsiteX9" fmla="*/ 41484 w 123313"/>
                <a:gd name="connsiteY9" fmla="*/ 39750 h 128538"/>
                <a:gd name="connsiteX10" fmla="*/ 31626 w 123313"/>
                <a:gd name="connsiteY10" fmla="*/ 64414 h 128538"/>
                <a:gd name="connsiteX11" fmla="*/ 41192 w 123313"/>
                <a:gd name="connsiteY11" fmla="*/ 89658 h 128538"/>
                <a:gd name="connsiteX12" fmla="*/ 65855 w 123313"/>
                <a:gd name="connsiteY12" fmla="*/ 99523 h 128538"/>
                <a:gd name="connsiteX13" fmla="*/ 84432 w 123313"/>
                <a:gd name="connsiteY13" fmla="*/ 94301 h 128538"/>
                <a:gd name="connsiteX14" fmla="*/ 97203 w 123313"/>
                <a:gd name="connsiteY14" fmla="*/ 80953 h 128538"/>
                <a:gd name="connsiteX15" fmla="*/ 123021 w 123313"/>
                <a:gd name="connsiteY15" fmla="*/ 96041 h 128538"/>
                <a:gd name="connsiteX16" fmla="*/ 99806 w 123313"/>
                <a:gd name="connsiteY16" fmla="*/ 119834 h 128538"/>
                <a:gd name="connsiteX17" fmla="*/ 65285 w 123313"/>
                <a:gd name="connsiteY17" fmla="*/ 128539 h 1285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123313" h="128538">
                  <a:moveTo>
                    <a:pt x="65285" y="128539"/>
                  </a:moveTo>
                  <a:cubicBezTo>
                    <a:pt x="46414" y="128539"/>
                    <a:pt x="30748" y="122445"/>
                    <a:pt x="18270" y="110549"/>
                  </a:cubicBezTo>
                  <a:cubicBezTo>
                    <a:pt x="6085" y="98652"/>
                    <a:pt x="0" y="83274"/>
                    <a:pt x="0" y="64414"/>
                  </a:cubicBezTo>
                  <a:cubicBezTo>
                    <a:pt x="0" y="45554"/>
                    <a:pt x="6085" y="30176"/>
                    <a:pt x="18563" y="18279"/>
                  </a:cubicBezTo>
                  <a:cubicBezTo>
                    <a:pt x="31040" y="6093"/>
                    <a:pt x="46999" y="0"/>
                    <a:pt x="66147" y="0"/>
                  </a:cubicBezTo>
                  <a:cubicBezTo>
                    <a:pt x="78625" y="0"/>
                    <a:pt x="90225" y="2901"/>
                    <a:pt x="100392" y="8995"/>
                  </a:cubicBezTo>
                  <a:cubicBezTo>
                    <a:pt x="110543" y="15087"/>
                    <a:pt x="118384" y="23501"/>
                    <a:pt x="123314" y="34238"/>
                  </a:cubicBezTo>
                  <a:lnTo>
                    <a:pt x="97773" y="48165"/>
                  </a:lnTo>
                  <a:cubicBezTo>
                    <a:pt x="90225" y="35689"/>
                    <a:pt x="79780" y="29595"/>
                    <a:pt x="66440" y="29595"/>
                  </a:cubicBezTo>
                  <a:cubicBezTo>
                    <a:pt x="56288" y="29595"/>
                    <a:pt x="47862" y="33077"/>
                    <a:pt x="41484" y="39750"/>
                  </a:cubicBezTo>
                  <a:cubicBezTo>
                    <a:pt x="34814" y="46425"/>
                    <a:pt x="31626" y="54549"/>
                    <a:pt x="31626" y="64414"/>
                  </a:cubicBezTo>
                  <a:cubicBezTo>
                    <a:pt x="31626" y="74569"/>
                    <a:pt x="34814" y="82984"/>
                    <a:pt x="41192" y="89658"/>
                  </a:cubicBezTo>
                  <a:cubicBezTo>
                    <a:pt x="47862" y="96331"/>
                    <a:pt x="55996" y="99523"/>
                    <a:pt x="65855" y="99523"/>
                  </a:cubicBezTo>
                  <a:cubicBezTo>
                    <a:pt x="72247" y="99523"/>
                    <a:pt x="78332" y="97782"/>
                    <a:pt x="84432" y="94301"/>
                  </a:cubicBezTo>
                  <a:cubicBezTo>
                    <a:pt x="90225" y="90818"/>
                    <a:pt x="94584" y="86466"/>
                    <a:pt x="97203" y="80953"/>
                  </a:cubicBezTo>
                  <a:lnTo>
                    <a:pt x="123021" y="96041"/>
                  </a:lnTo>
                  <a:cubicBezTo>
                    <a:pt x="117799" y="105906"/>
                    <a:pt x="109958" y="113741"/>
                    <a:pt x="99806" y="119834"/>
                  </a:cubicBezTo>
                  <a:cubicBezTo>
                    <a:pt x="89362" y="125347"/>
                    <a:pt x="77762" y="128539"/>
                    <a:pt x="65285" y="128539"/>
                  </a:cubicBezTo>
                  <a:close/>
                </a:path>
              </a:pathLst>
            </a:custGeom>
            <a:solidFill>
              <a:schemeClr val="tx1"/>
            </a:solidFill>
            <a:ln w="15355"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grpSp>
      <p:pic>
        <p:nvPicPr>
          <p:cNvPr id="1111" name="Picture 1110">
            <a:extLst>
              <a:ext uri="{FF2B5EF4-FFF2-40B4-BE49-F238E27FC236}">
                <a16:creationId xmlns:a16="http://schemas.microsoft.com/office/drawing/2014/main" id="{96396B4F-157B-A791-6D5C-761ACB1C1DAF}"/>
              </a:ext>
            </a:extLst>
          </p:cNvPr>
          <p:cNvPicPr>
            <a:picLocks noChangeAspect="1"/>
          </p:cNvPicPr>
          <p:nvPr/>
        </p:nvPicPr>
        <p:blipFill>
          <a:blip r:embed="rId22" cstate="print">
            <a:extLst>
              <a:ext uri="{28A0092B-C50C-407E-A947-70E740481C1C}">
                <a14:useLocalDpi xmlns:a14="http://schemas.microsoft.com/office/drawing/2010/main"/>
              </a:ext>
            </a:extLst>
          </a:blip>
          <a:stretch>
            <a:fillRect/>
          </a:stretch>
        </p:blipFill>
        <p:spPr>
          <a:xfrm>
            <a:off x="3234791" y="5266067"/>
            <a:ext cx="497628" cy="192522"/>
          </a:xfrm>
          <a:prstGeom prst="rect">
            <a:avLst/>
          </a:prstGeom>
        </p:spPr>
      </p:pic>
      <p:pic>
        <p:nvPicPr>
          <p:cNvPr id="1112" name="Graphic 1111">
            <a:extLst>
              <a:ext uri="{FF2B5EF4-FFF2-40B4-BE49-F238E27FC236}">
                <a16:creationId xmlns:a16="http://schemas.microsoft.com/office/drawing/2014/main" id="{3955787A-2311-AE0C-A22B-63E8263B085A}"/>
              </a:ext>
            </a:extLst>
          </p:cNvPr>
          <p:cNvPicPr>
            <a:picLocks noChangeAspect="1"/>
          </p:cNvPicPr>
          <p:nvPr/>
        </p:nvPicPr>
        <p:blipFill>
          <a:blip cstate="hqprint">
            <a:extLst>
              <a:ext uri="{28A0092B-C50C-407E-A947-70E740481C1C}">
                <a14:useLocalDpi xmlns:a14="http://schemas.microsoft.com/office/drawing/2010/main" val="0"/>
              </a:ext>
              <a:ext uri="{96DAC541-7B7A-43D3-8B79-37D633B846F1}">
                <asvg:svgBlip xmlns:asvg="http://schemas.microsoft.com/office/drawing/2016/SVG/main" r:embed="rId23"/>
              </a:ext>
            </a:extLst>
          </a:blip>
          <a:stretch>
            <a:fillRect/>
          </a:stretch>
        </p:blipFill>
        <p:spPr>
          <a:xfrm>
            <a:off x="2045478" y="5231703"/>
            <a:ext cx="826235" cy="218846"/>
          </a:xfrm>
          <a:prstGeom prst="rect">
            <a:avLst/>
          </a:prstGeom>
        </p:spPr>
      </p:pic>
      <p:pic>
        <p:nvPicPr>
          <p:cNvPr id="1113" name="Graphic 1112">
            <a:extLst>
              <a:ext uri="{FF2B5EF4-FFF2-40B4-BE49-F238E27FC236}">
                <a16:creationId xmlns:a16="http://schemas.microsoft.com/office/drawing/2014/main" id="{BF773843-BD8A-9096-9482-3C241200A82A}"/>
              </a:ext>
            </a:extLst>
          </p:cNvPr>
          <p:cNvPicPr>
            <a:picLocks noChangeAspect="1"/>
          </p:cNvPicPr>
          <p:nvPr/>
        </p:nvPicPr>
        <p:blipFill>
          <a:blip cstate="hqprint">
            <a:extLst>
              <a:ext uri="{28A0092B-C50C-407E-A947-70E740481C1C}">
                <a14:useLocalDpi xmlns:a14="http://schemas.microsoft.com/office/drawing/2010/main" val="0"/>
              </a:ext>
              <a:ext uri="{96DAC541-7B7A-43D3-8B79-37D633B846F1}">
                <asvg:svgBlip xmlns:asvg="http://schemas.microsoft.com/office/drawing/2016/SVG/main" r:embed="rId24"/>
              </a:ext>
            </a:extLst>
          </a:blip>
          <a:stretch>
            <a:fillRect/>
          </a:stretch>
        </p:blipFill>
        <p:spPr>
          <a:xfrm>
            <a:off x="3284950" y="3789879"/>
            <a:ext cx="376675" cy="367902"/>
          </a:xfrm>
          <a:prstGeom prst="rect">
            <a:avLst/>
          </a:prstGeom>
        </p:spPr>
      </p:pic>
      <p:pic>
        <p:nvPicPr>
          <p:cNvPr id="1114" name="Picture 1113">
            <a:extLst>
              <a:ext uri="{FF2B5EF4-FFF2-40B4-BE49-F238E27FC236}">
                <a16:creationId xmlns:a16="http://schemas.microsoft.com/office/drawing/2014/main" id="{E31F7766-9382-9016-C87D-578439FC97A3}"/>
              </a:ext>
            </a:extLst>
          </p:cNvPr>
          <p:cNvPicPr>
            <a:picLocks noChangeAspect="1"/>
          </p:cNvPicPr>
          <p:nvPr/>
        </p:nvPicPr>
        <p:blipFill>
          <a:blip r:embed="rId25" cstate="screen">
            <a:extLst>
              <a:ext uri="{28A0092B-C50C-407E-A947-70E740481C1C}">
                <a14:useLocalDpi xmlns:a14="http://schemas.microsoft.com/office/drawing/2010/main"/>
              </a:ext>
            </a:extLst>
          </a:blip>
          <a:stretch>
            <a:fillRect/>
          </a:stretch>
        </p:blipFill>
        <p:spPr>
          <a:xfrm>
            <a:off x="1915020" y="5710403"/>
            <a:ext cx="1112006" cy="230728"/>
          </a:xfrm>
          <a:prstGeom prst="rect">
            <a:avLst/>
          </a:prstGeom>
        </p:spPr>
      </p:pic>
      <p:pic>
        <p:nvPicPr>
          <p:cNvPr id="1115" name="Picture 1114">
            <a:extLst>
              <a:ext uri="{FF2B5EF4-FFF2-40B4-BE49-F238E27FC236}">
                <a16:creationId xmlns:a16="http://schemas.microsoft.com/office/drawing/2014/main" id="{022A539F-6373-EF50-D3AE-50AA4ECF181A}"/>
              </a:ext>
            </a:extLst>
          </p:cNvPr>
          <p:cNvPicPr>
            <a:picLocks noChangeAspect="1"/>
          </p:cNvPicPr>
          <p:nvPr/>
        </p:nvPicPr>
        <p:blipFill>
          <a:blip r:embed="rId26"/>
          <a:stretch>
            <a:fillRect/>
          </a:stretch>
        </p:blipFill>
        <p:spPr>
          <a:xfrm>
            <a:off x="651098" y="3807116"/>
            <a:ext cx="1249300" cy="217462"/>
          </a:xfrm>
          <a:prstGeom prst="rect">
            <a:avLst/>
          </a:prstGeom>
        </p:spPr>
      </p:pic>
      <p:pic>
        <p:nvPicPr>
          <p:cNvPr id="1116" name="Graphic 1115">
            <a:extLst>
              <a:ext uri="{FF2B5EF4-FFF2-40B4-BE49-F238E27FC236}">
                <a16:creationId xmlns:a16="http://schemas.microsoft.com/office/drawing/2014/main" id="{7FFD4CBB-D0FD-B270-0F86-5E2A3C9CD187}"/>
              </a:ext>
            </a:extLst>
          </p:cNvPr>
          <p:cNvPicPr>
            <a:picLocks noChangeAspect="1"/>
          </p:cNvPicPr>
          <p:nvPr/>
        </p:nvPicPr>
        <p:blipFill>
          <a:blip>
            <a:extLst>
              <a:ext uri="{96DAC541-7B7A-43D3-8B79-37D633B846F1}">
                <asvg:svgBlip xmlns:asvg="http://schemas.microsoft.com/office/drawing/2016/SVG/main" r:embed="rId27"/>
              </a:ext>
            </a:extLst>
          </a:blip>
          <a:stretch>
            <a:fillRect/>
          </a:stretch>
        </p:blipFill>
        <p:spPr>
          <a:xfrm>
            <a:off x="1814957" y="4270935"/>
            <a:ext cx="1042167" cy="208024"/>
          </a:xfrm>
          <a:prstGeom prst="rect">
            <a:avLst/>
          </a:prstGeom>
        </p:spPr>
      </p:pic>
      <p:pic>
        <p:nvPicPr>
          <p:cNvPr id="1117" name="Picture 1116">
            <a:extLst>
              <a:ext uri="{FF2B5EF4-FFF2-40B4-BE49-F238E27FC236}">
                <a16:creationId xmlns:a16="http://schemas.microsoft.com/office/drawing/2014/main" id="{68A15204-6890-2E26-668D-E1438D49C642}"/>
              </a:ext>
            </a:extLst>
          </p:cNvPr>
          <p:cNvPicPr>
            <a:picLocks noChangeAspect="1"/>
          </p:cNvPicPr>
          <p:nvPr/>
        </p:nvPicPr>
        <p:blipFill>
          <a:blip r:embed="rId28">
            <a:extLst>
              <a:ext uri="{28A0092B-C50C-407E-A947-70E740481C1C}">
                <a14:useLocalDpi xmlns:a14="http://schemas.microsoft.com/office/drawing/2010/main" val="0"/>
              </a:ext>
            </a:extLst>
          </a:blip>
          <a:stretch>
            <a:fillRect/>
          </a:stretch>
        </p:blipFill>
        <p:spPr>
          <a:xfrm>
            <a:off x="651098" y="5775688"/>
            <a:ext cx="836920" cy="175619"/>
          </a:xfrm>
          <a:prstGeom prst="rect">
            <a:avLst/>
          </a:prstGeom>
        </p:spPr>
      </p:pic>
      <p:pic>
        <p:nvPicPr>
          <p:cNvPr id="1118" name="Picture 1117">
            <a:extLst>
              <a:ext uri="{FF2B5EF4-FFF2-40B4-BE49-F238E27FC236}">
                <a16:creationId xmlns:a16="http://schemas.microsoft.com/office/drawing/2014/main" id="{0D3DCB63-2FF0-9AA9-FC69-BE45E5894C87}"/>
              </a:ext>
            </a:extLst>
          </p:cNvPr>
          <p:cNvPicPr>
            <a:picLocks noChangeAspect="1"/>
          </p:cNvPicPr>
          <p:nvPr/>
        </p:nvPicPr>
        <p:blipFill>
          <a:blip r:embed="rId29">
            <a:extLst>
              <a:ext uri="{28A0092B-C50C-407E-A947-70E740481C1C}">
                <a14:useLocalDpi xmlns:a14="http://schemas.microsoft.com/office/drawing/2010/main" val="0"/>
              </a:ext>
            </a:extLst>
          </a:blip>
          <a:stretch>
            <a:fillRect/>
          </a:stretch>
        </p:blipFill>
        <p:spPr>
          <a:xfrm>
            <a:off x="651098" y="5352869"/>
            <a:ext cx="1042167" cy="131590"/>
          </a:xfrm>
          <a:prstGeom prst="rect">
            <a:avLst/>
          </a:prstGeom>
        </p:spPr>
      </p:pic>
      <p:pic>
        <p:nvPicPr>
          <p:cNvPr id="1119" name="Graphic 1118">
            <a:extLst>
              <a:ext uri="{FF2B5EF4-FFF2-40B4-BE49-F238E27FC236}">
                <a16:creationId xmlns:a16="http://schemas.microsoft.com/office/drawing/2014/main" id="{3C98C846-B6BE-0F3C-35BE-5D2EB6DC4BDD}"/>
              </a:ext>
            </a:extLst>
          </p:cNvPr>
          <p:cNvPicPr>
            <a:picLocks noChangeAspect="1"/>
          </p:cNvPicPr>
          <p:nvPr/>
        </p:nvPicPr>
        <p:blipFill>
          <a:blip>
            <a:extLst>
              <a:ext uri="{96DAC541-7B7A-43D3-8B79-37D633B846F1}">
                <asvg:svgBlip xmlns:asvg="http://schemas.microsoft.com/office/drawing/2016/SVG/main" r:embed="rId30"/>
              </a:ext>
            </a:extLst>
          </a:blip>
          <a:stretch>
            <a:fillRect/>
          </a:stretch>
        </p:blipFill>
        <p:spPr>
          <a:xfrm>
            <a:off x="651098" y="4315806"/>
            <a:ext cx="899080" cy="198460"/>
          </a:xfrm>
          <a:prstGeom prst="rect">
            <a:avLst/>
          </a:prstGeom>
        </p:spPr>
      </p:pic>
      <p:pic>
        <p:nvPicPr>
          <p:cNvPr id="1120" name="Picture 1119" descr="Synthesia Makes AI Video Production Effortless with Generative AI on ...">
            <a:extLst>
              <a:ext uri="{FF2B5EF4-FFF2-40B4-BE49-F238E27FC236}">
                <a16:creationId xmlns:a16="http://schemas.microsoft.com/office/drawing/2014/main" id="{20C0DD13-983F-4BA8-7FC0-EAF847BAC041}"/>
              </a:ext>
            </a:extLst>
          </p:cNvPr>
          <p:cNvPicPr>
            <a:picLocks noChangeAspect="1"/>
          </p:cNvPicPr>
          <p:nvPr/>
        </p:nvPicPr>
        <p:blipFill>
          <a:blip r:embed="rId31"/>
          <a:stretch>
            <a:fillRect/>
          </a:stretch>
        </p:blipFill>
        <p:spPr>
          <a:xfrm>
            <a:off x="2044617" y="3861423"/>
            <a:ext cx="932723" cy="149660"/>
          </a:xfrm>
          <a:prstGeom prst="rect">
            <a:avLst/>
          </a:prstGeom>
        </p:spPr>
      </p:pic>
      <p:pic>
        <p:nvPicPr>
          <p:cNvPr id="1121" name="Picture 1120" descr="Jobs at HeyGen">
            <a:extLst>
              <a:ext uri="{FF2B5EF4-FFF2-40B4-BE49-F238E27FC236}">
                <a16:creationId xmlns:a16="http://schemas.microsoft.com/office/drawing/2014/main" id="{83111AC1-FB6F-C073-5149-1E5862663F42}"/>
              </a:ext>
            </a:extLst>
          </p:cNvPr>
          <p:cNvPicPr>
            <a:picLocks noChangeAspect="1"/>
          </p:cNvPicPr>
          <p:nvPr/>
        </p:nvPicPr>
        <p:blipFill>
          <a:blip r:embed="rId32"/>
          <a:stretch>
            <a:fillRect/>
          </a:stretch>
        </p:blipFill>
        <p:spPr>
          <a:xfrm>
            <a:off x="1989894" y="4738811"/>
            <a:ext cx="1042168" cy="233040"/>
          </a:xfrm>
          <a:prstGeom prst="rect">
            <a:avLst/>
          </a:prstGeom>
        </p:spPr>
      </p:pic>
      <p:grpSp>
        <p:nvGrpSpPr>
          <p:cNvPr id="1124" name="Group 1123">
            <a:extLst>
              <a:ext uri="{FF2B5EF4-FFF2-40B4-BE49-F238E27FC236}">
                <a16:creationId xmlns:a16="http://schemas.microsoft.com/office/drawing/2014/main" id="{C300DD39-FB35-DD97-903E-622F27D9FC79}"/>
              </a:ext>
            </a:extLst>
          </p:cNvPr>
          <p:cNvGrpSpPr/>
          <p:nvPr/>
        </p:nvGrpSpPr>
        <p:grpSpPr>
          <a:xfrm>
            <a:off x="3272596" y="4307278"/>
            <a:ext cx="401381" cy="487287"/>
            <a:chOff x="1203530" y="4829150"/>
            <a:chExt cx="401381" cy="487287"/>
          </a:xfrm>
        </p:grpSpPr>
        <p:pic>
          <p:nvPicPr>
            <p:cNvPr id="1122" name="Picture 2">
              <a:extLst>
                <a:ext uri="{FF2B5EF4-FFF2-40B4-BE49-F238E27FC236}">
                  <a16:creationId xmlns:a16="http://schemas.microsoft.com/office/drawing/2014/main" id="{041B3F64-5BC5-37E9-BE16-7E074D7DF0BF}"/>
                </a:ext>
              </a:extLst>
            </p:cNvPr>
            <p:cNvPicPr>
              <a:picLocks noChangeAspect="1" noChangeArrowheads="1"/>
            </p:cNvPicPr>
            <p:nvPr/>
          </p:nvPicPr>
          <p:blipFill rotWithShape="1">
            <a:blip r:embed="rId33">
              <a:extLst>
                <a:ext uri="{28A0092B-C50C-407E-A947-70E740481C1C}">
                  <a14:useLocalDpi xmlns:a14="http://schemas.microsoft.com/office/drawing/2010/main" val="0"/>
                </a:ext>
              </a:extLst>
            </a:blip>
            <a:srcRect l="8780" t="8699" r="8030" b="7412"/>
            <a:stretch>
              <a:fillRect/>
            </a:stretch>
          </p:blipFill>
          <p:spPr bwMode="auto">
            <a:xfrm>
              <a:off x="1223715" y="4829150"/>
              <a:ext cx="373074" cy="367902"/>
            </a:xfrm>
            <a:prstGeom prst="rect">
              <a:avLst/>
            </a:prstGeom>
            <a:noFill/>
            <a:extLst>
              <a:ext uri="{909E8E84-426E-40DD-AFC4-6F175D3DCCD1}">
                <a14:hiddenFill xmlns:a14="http://schemas.microsoft.com/office/drawing/2010/main">
                  <a:solidFill>
                    <a:srgbClr val="FFFFFF"/>
                  </a:solidFill>
                </a14:hiddenFill>
              </a:ext>
            </a:extLst>
          </p:spPr>
        </p:pic>
        <p:pic>
          <p:nvPicPr>
            <p:cNvPr id="1123" name="Graphic 1122">
              <a:extLst>
                <a:ext uri="{FF2B5EF4-FFF2-40B4-BE49-F238E27FC236}">
                  <a16:creationId xmlns:a16="http://schemas.microsoft.com/office/drawing/2014/main" id="{F8036751-4CE5-8DFC-D5FC-F2FDFE3876FD}"/>
                </a:ext>
              </a:extLst>
            </p:cNvPr>
            <p:cNvPicPr>
              <a:picLocks noChangeAspect="1"/>
            </p:cNvPicPr>
            <p:nvPr/>
          </p:nvPicPr>
          <p:blipFill>
            <a:blip>
              <a:extLst>
                <a:ext uri="{96DAC541-7B7A-43D3-8B79-37D633B846F1}">
                  <asvg:svgBlip xmlns:asvg="http://schemas.microsoft.com/office/drawing/2016/SVG/main" r:embed="rId34"/>
                </a:ext>
              </a:extLst>
            </a:blip>
            <a:stretch>
              <a:fillRect/>
            </a:stretch>
          </p:blipFill>
          <p:spPr>
            <a:xfrm>
              <a:off x="1203530" y="5214041"/>
              <a:ext cx="401381" cy="102396"/>
            </a:xfrm>
            <a:prstGeom prst="rect">
              <a:avLst/>
            </a:prstGeom>
          </p:spPr>
        </p:pic>
      </p:grpSp>
    </p:spTree>
    <p:extLst>
      <p:ext uri="{BB962C8B-B14F-4D97-AF65-F5344CB8AC3E}">
        <p14:creationId xmlns:p14="http://schemas.microsoft.com/office/powerpoint/2010/main" val="3834486882"/>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440289-BBE8-EFE2-A5C5-655E598D1234}"/>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52B93CEF-1507-5D8B-9D1D-227069F751BD}"/>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BDCDFF78-849E-1740-ED61-D16C1AF080AB}"/>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32" name="Title 15">
            <a:extLst>
              <a:ext uri="{FF2B5EF4-FFF2-40B4-BE49-F238E27FC236}">
                <a16:creationId xmlns:a16="http://schemas.microsoft.com/office/drawing/2014/main" id="{44DA445E-1074-083C-9A29-38F92136FDCB}"/>
              </a:ext>
            </a:extLst>
          </p:cNvPr>
          <p:cNvSpPr>
            <a:spLocks noGrp="1"/>
          </p:cNvSpPr>
          <p:nvPr>
            <p:ph type="title"/>
          </p:nvPr>
        </p:nvSpPr>
        <p:spPr/>
        <p:txBody>
          <a:bodyPr>
            <a:normAutofit/>
          </a:bodyPr>
          <a:lstStyle/>
          <a:p>
            <a:r>
              <a:rPr lang="en-US" dirty="0">
                <a:solidFill>
                  <a:schemeClr val="bg1"/>
                </a:solidFill>
                <a:ea typeface="Roboto SemiBold" panose="02000000000000000000" pitchFamily="2" charset="0"/>
              </a:rPr>
              <a:t>AI-driven Learning Experience: Sample 1</a:t>
            </a:r>
          </a:p>
        </p:txBody>
      </p:sp>
      <p:sp>
        <p:nvSpPr>
          <p:cNvPr id="5" name="TextBox 4">
            <a:extLst>
              <a:ext uri="{FF2B5EF4-FFF2-40B4-BE49-F238E27FC236}">
                <a16:creationId xmlns:a16="http://schemas.microsoft.com/office/drawing/2014/main" id="{D1A40A5C-7D23-6ADF-3121-EF0BDA1BA746}"/>
              </a:ext>
            </a:extLst>
          </p:cNvPr>
          <p:cNvSpPr txBox="1"/>
          <p:nvPr/>
        </p:nvSpPr>
        <p:spPr>
          <a:xfrm>
            <a:off x="446939" y="1615592"/>
            <a:ext cx="5633313" cy="738664"/>
          </a:xfrm>
          <a:prstGeom prst="rect">
            <a:avLst/>
          </a:prstGeom>
          <a:noFill/>
        </p:spPr>
        <p:txBody>
          <a:bodyPr wrap="square" rtlCol="0">
            <a:spAutoFit/>
          </a:bodyPr>
          <a:lstStyle/>
          <a:p>
            <a:r>
              <a:rPr lang="en-US" sz="1400" dirty="0">
                <a:latin typeface="Roboto SemiBold" panose="02000000000000000000" pitchFamily="2" charset="0"/>
                <a:ea typeface="Roboto SemiBold" panose="02000000000000000000" pitchFamily="2" charset="0"/>
                <a:cs typeface="Roboto" panose="02000000000000000000" pitchFamily="2" charset="0"/>
              </a:rPr>
              <a:t>Inspired by global conservation, this proof of concept—</a:t>
            </a:r>
            <a:r>
              <a:rPr lang="en-US" sz="1400" b="1" dirty="0">
                <a:latin typeface="Roboto SemiBold" panose="02000000000000000000" pitchFamily="2" charset="0"/>
                <a:ea typeface="Roboto SemiBold" panose="02000000000000000000" pitchFamily="2" charset="0"/>
                <a:cs typeface="Roboto" panose="02000000000000000000" pitchFamily="2" charset="0"/>
              </a:rPr>
              <a:t>Protecting Our Planet</a:t>
            </a:r>
            <a:r>
              <a:rPr lang="en-US" sz="1400" dirty="0">
                <a:latin typeface="Roboto SemiBold" panose="02000000000000000000" pitchFamily="2" charset="0"/>
                <a:ea typeface="Roboto SemiBold" panose="02000000000000000000" pitchFamily="2" charset="0"/>
                <a:cs typeface="Roboto" panose="02000000000000000000" pitchFamily="2" charset="0"/>
              </a:rPr>
              <a:t>—reimagines how technology can enhance learning and empower conservation efforts.</a:t>
            </a:r>
          </a:p>
        </p:txBody>
      </p:sp>
      <p:grpSp>
        <p:nvGrpSpPr>
          <p:cNvPr id="2" name="Group 1">
            <a:extLst>
              <a:ext uri="{FF2B5EF4-FFF2-40B4-BE49-F238E27FC236}">
                <a16:creationId xmlns:a16="http://schemas.microsoft.com/office/drawing/2014/main" id="{37B3522E-ADF1-7D49-A9F0-A174803AD12E}"/>
              </a:ext>
            </a:extLst>
          </p:cNvPr>
          <p:cNvGrpSpPr/>
          <p:nvPr/>
        </p:nvGrpSpPr>
        <p:grpSpPr>
          <a:xfrm>
            <a:off x="544746" y="2615609"/>
            <a:ext cx="4355539" cy="3108705"/>
            <a:chOff x="544746" y="3215251"/>
            <a:chExt cx="4355539" cy="3108705"/>
          </a:xfrm>
        </p:grpSpPr>
        <p:sp>
          <p:nvSpPr>
            <p:cNvPr id="6" name="Oval 5">
              <a:extLst>
                <a:ext uri="{FF2B5EF4-FFF2-40B4-BE49-F238E27FC236}">
                  <a16:creationId xmlns:a16="http://schemas.microsoft.com/office/drawing/2014/main" id="{E99BF6A7-D970-3A9B-E203-213F871BBD9F}"/>
                </a:ext>
              </a:extLst>
            </p:cNvPr>
            <p:cNvSpPr/>
            <p:nvPr/>
          </p:nvSpPr>
          <p:spPr>
            <a:xfrm>
              <a:off x="544746" y="3229013"/>
              <a:ext cx="525818" cy="525818"/>
            </a:xfrm>
            <a:prstGeom prst="ellipse">
              <a:avLst/>
            </a:prstGeom>
            <a:noFill/>
            <a:ln w="6350">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solidFill>
                  <a:schemeClr val="tx1"/>
                </a:solidFill>
                <a:latin typeface="Roboto SemiBold" panose="02000000000000000000" pitchFamily="2" charset="0"/>
              </a:endParaRPr>
            </a:p>
          </p:txBody>
        </p:sp>
        <p:sp>
          <p:nvSpPr>
            <p:cNvPr id="7" name="Oval 6">
              <a:extLst>
                <a:ext uri="{FF2B5EF4-FFF2-40B4-BE49-F238E27FC236}">
                  <a16:creationId xmlns:a16="http://schemas.microsoft.com/office/drawing/2014/main" id="{52CB9AB5-E0B8-3DA2-950C-0D1200AB4C20}"/>
                </a:ext>
              </a:extLst>
            </p:cNvPr>
            <p:cNvSpPr/>
            <p:nvPr/>
          </p:nvSpPr>
          <p:spPr>
            <a:xfrm>
              <a:off x="544746" y="3871294"/>
              <a:ext cx="525818" cy="525818"/>
            </a:xfrm>
            <a:prstGeom prst="ellipse">
              <a:avLst/>
            </a:prstGeom>
            <a:noFill/>
            <a:ln w="6350">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solidFill>
                  <a:schemeClr val="tx1"/>
                </a:solidFill>
                <a:latin typeface="Roboto SemiBold" panose="02000000000000000000" pitchFamily="2" charset="0"/>
              </a:endParaRPr>
            </a:p>
          </p:txBody>
        </p:sp>
        <p:sp>
          <p:nvSpPr>
            <p:cNvPr id="10" name="Oval 9">
              <a:extLst>
                <a:ext uri="{FF2B5EF4-FFF2-40B4-BE49-F238E27FC236}">
                  <a16:creationId xmlns:a16="http://schemas.microsoft.com/office/drawing/2014/main" id="{62A9F40F-287B-C8A7-580D-6D0AD1DDDEAD}"/>
                </a:ext>
              </a:extLst>
            </p:cNvPr>
            <p:cNvSpPr/>
            <p:nvPr/>
          </p:nvSpPr>
          <p:spPr>
            <a:xfrm>
              <a:off x="544746" y="4513575"/>
              <a:ext cx="525818" cy="525818"/>
            </a:xfrm>
            <a:prstGeom prst="ellipse">
              <a:avLst/>
            </a:prstGeom>
            <a:noFill/>
            <a:ln w="6350">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solidFill>
                  <a:schemeClr val="tx1"/>
                </a:solidFill>
                <a:latin typeface="Roboto SemiBold" panose="02000000000000000000" pitchFamily="2" charset="0"/>
              </a:endParaRPr>
            </a:p>
          </p:txBody>
        </p:sp>
        <p:sp>
          <p:nvSpPr>
            <p:cNvPr id="11" name="Oval 10">
              <a:extLst>
                <a:ext uri="{FF2B5EF4-FFF2-40B4-BE49-F238E27FC236}">
                  <a16:creationId xmlns:a16="http://schemas.microsoft.com/office/drawing/2014/main" id="{9035E8B6-CB16-8C3E-725D-603C49E1DCCE}"/>
                </a:ext>
              </a:extLst>
            </p:cNvPr>
            <p:cNvSpPr/>
            <p:nvPr/>
          </p:nvSpPr>
          <p:spPr>
            <a:xfrm>
              <a:off x="544746" y="5155856"/>
              <a:ext cx="525818" cy="525818"/>
            </a:xfrm>
            <a:prstGeom prst="ellipse">
              <a:avLst/>
            </a:prstGeom>
            <a:noFill/>
            <a:ln w="6350">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solidFill>
                  <a:schemeClr val="tx1"/>
                </a:solidFill>
                <a:latin typeface="Roboto SemiBold" panose="02000000000000000000" pitchFamily="2" charset="0"/>
              </a:endParaRPr>
            </a:p>
          </p:txBody>
        </p:sp>
        <p:sp>
          <p:nvSpPr>
            <p:cNvPr id="12" name="TextBox 11">
              <a:extLst>
                <a:ext uri="{FF2B5EF4-FFF2-40B4-BE49-F238E27FC236}">
                  <a16:creationId xmlns:a16="http://schemas.microsoft.com/office/drawing/2014/main" id="{CE974DB5-DDB2-60C4-36C5-2086F2CD785D}"/>
                </a:ext>
              </a:extLst>
            </p:cNvPr>
            <p:cNvSpPr txBox="1"/>
            <p:nvPr/>
          </p:nvSpPr>
          <p:spPr>
            <a:xfrm>
              <a:off x="1110062" y="3215251"/>
              <a:ext cx="3495220" cy="307777"/>
            </a:xfrm>
            <a:prstGeom prst="rect">
              <a:avLst/>
            </a:prstGeom>
            <a:noFill/>
          </p:spPr>
          <p:txBody>
            <a:bodyPr wrap="square" rtlCol="0">
              <a:spAutoFit/>
            </a:bodyPr>
            <a:lstStyle/>
            <a:p>
              <a:pPr marR="0" lvl="0">
                <a:spcBef>
                  <a:spcPts val="0"/>
                </a:spcBef>
                <a:spcAft>
                  <a:spcPts val="800"/>
                </a:spcAft>
              </a:pPr>
              <a:r>
                <a:rPr lang="en-US" sz="1400" b="1" kern="100" dirty="0">
                  <a:latin typeface="Roboto SemiBold" panose="02000000000000000000" pitchFamily="2" charset="0"/>
                  <a:ea typeface="Roboto SemiBold" panose="02000000000000000000" pitchFamily="2" charset="0"/>
                  <a:cs typeface="Arial" panose="020B0604020202020204" pitchFamily="34" charset="0"/>
                </a:rPr>
                <a:t>AI Avatar</a:t>
              </a:r>
              <a:endParaRPr lang="en-US" sz="1400" kern="100" dirty="0">
                <a:latin typeface="Roboto SemiBold" panose="02000000000000000000" pitchFamily="2" charset="0"/>
                <a:ea typeface="Roboto SemiBold" panose="02000000000000000000" pitchFamily="2" charset="0"/>
                <a:cs typeface="Arial" panose="020B0604020202020204" pitchFamily="34" charset="0"/>
              </a:endParaRPr>
            </a:p>
          </p:txBody>
        </p:sp>
        <p:sp>
          <p:nvSpPr>
            <p:cNvPr id="13" name="TextBox 12">
              <a:extLst>
                <a:ext uri="{FF2B5EF4-FFF2-40B4-BE49-F238E27FC236}">
                  <a16:creationId xmlns:a16="http://schemas.microsoft.com/office/drawing/2014/main" id="{024760A9-D69A-DC68-5072-2A6F441DEFE1}"/>
                </a:ext>
              </a:extLst>
            </p:cNvPr>
            <p:cNvSpPr txBox="1"/>
            <p:nvPr/>
          </p:nvSpPr>
          <p:spPr>
            <a:xfrm>
              <a:off x="1110062" y="3426178"/>
              <a:ext cx="2995011" cy="276999"/>
            </a:xfrm>
            <a:prstGeom prst="rect">
              <a:avLst/>
            </a:prstGeom>
            <a:noFill/>
          </p:spPr>
          <p:txBody>
            <a:bodyPr wrap="square" rtlCol="0">
              <a:spAutoFit/>
            </a:bodyPr>
            <a:lstStyle/>
            <a:p>
              <a:pPr marR="0" lvl="0">
                <a:spcBef>
                  <a:spcPts val="0"/>
                </a:spcBef>
                <a:spcAft>
                  <a:spcPts val="800"/>
                </a:spcAft>
              </a:pPr>
              <a:r>
                <a:rPr lang="en-US" sz="1200" kern="100" dirty="0">
                  <a:latin typeface="Roboto SemiBold" panose="02000000000000000000" pitchFamily="2" charset="0"/>
                  <a:ea typeface="Roboto SemiBold" panose="02000000000000000000" pitchFamily="2" charset="0"/>
                  <a:cs typeface="Arial" panose="020B0604020202020204" pitchFamily="34" charset="0"/>
                </a:rPr>
                <a:t>Personalized, simplified guidance </a:t>
              </a:r>
            </a:p>
          </p:txBody>
        </p:sp>
        <p:sp>
          <p:nvSpPr>
            <p:cNvPr id="14" name="TextBox 13">
              <a:extLst>
                <a:ext uri="{FF2B5EF4-FFF2-40B4-BE49-F238E27FC236}">
                  <a16:creationId xmlns:a16="http://schemas.microsoft.com/office/drawing/2014/main" id="{36CC3C9A-B63D-227E-F95D-BD6AAF5C58A4}"/>
                </a:ext>
              </a:extLst>
            </p:cNvPr>
            <p:cNvSpPr txBox="1"/>
            <p:nvPr/>
          </p:nvSpPr>
          <p:spPr>
            <a:xfrm>
              <a:off x="1110061" y="3888321"/>
              <a:ext cx="3766835" cy="307777"/>
            </a:xfrm>
            <a:prstGeom prst="rect">
              <a:avLst/>
            </a:prstGeom>
            <a:noFill/>
          </p:spPr>
          <p:txBody>
            <a:bodyPr wrap="square" rtlCol="0">
              <a:spAutoFit/>
            </a:bodyPr>
            <a:lstStyle/>
            <a:p>
              <a:pPr marR="0" lvl="0">
                <a:spcBef>
                  <a:spcPts val="0"/>
                </a:spcBef>
                <a:spcAft>
                  <a:spcPts val="800"/>
                </a:spcAft>
              </a:pPr>
              <a:r>
                <a:rPr lang="en-US" sz="1400" b="1" kern="100" dirty="0">
                  <a:latin typeface="Roboto SemiBold" panose="02000000000000000000" pitchFamily="2" charset="0"/>
                  <a:ea typeface="Roboto SemiBold" panose="02000000000000000000" pitchFamily="2" charset="0"/>
                  <a:cs typeface="Arial" panose="020B0604020202020204" pitchFamily="34" charset="0"/>
                </a:rPr>
                <a:t>360-degree Learning Journey </a:t>
              </a:r>
              <a:endParaRPr lang="en-US" sz="1400" kern="100" dirty="0">
                <a:latin typeface="Roboto SemiBold" panose="02000000000000000000" pitchFamily="2" charset="0"/>
                <a:ea typeface="Roboto SemiBold" panose="02000000000000000000" pitchFamily="2" charset="0"/>
                <a:cs typeface="Arial" panose="020B0604020202020204" pitchFamily="34" charset="0"/>
              </a:endParaRPr>
            </a:p>
          </p:txBody>
        </p:sp>
        <p:sp>
          <p:nvSpPr>
            <p:cNvPr id="15" name="TextBox 14">
              <a:extLst>
                <a:ext uri="{FF2B5EF4-FFF2-40B4-BE49-F238E27FC236}">
                  <a16:creationId xmlns:a16="http://schemas.microsoft.com/office/drawing/2014/main" id="{4F2326B8-139C-0892-D5D1-5C186F925612}"/>
                </a:ext>
              </a:extLst>
            </p:cNvPr>
            <p:cNvSpPr txBox="1"/>
            <p:nvPr/>
          </p:nvSpPr>
          <p:spPr>
            <a:xfrm>
              <a:off x="1110062" y="4101975"/>
              <a:ext cx="2995011" cy="276999"/>
            </a:xfrm>
            <a:prstGeom prst="rect">
              <a:avLst/>
            </a:prstGeom>
            <a:noFill/>
          </p:spPr>
          <p:txBody>
            <a:bodyPr wrap="square" rtlCol="0">
              <a:spAutoFit/>
            </a:bodyPr>
            <a:lstStyle/>
            <a:p>
              <a:pPr marR="0" lvl="0">
                <a:spcBef>
                  <a:spcPts val="0"/>
                </a:spcBef>
                <a:spcAft>
                  <a:spcPts val="800"/>
                </a:spcAft>
              </a:pPr>
              <a:r>
                <a:rPr lang="en-US" sz="1200" kern="100" dirty="0">
                  <a:latin typeface="Roboto SemiBold" panose="02000000000000000000" pitchFamily="2" charset="0"/>
                  <a:ea typeface="Roboto SemiBold" panose="02000000000000000000" pitchFamily="2" charset="0"/>
                  <a:cs typeface="Arial" panose="020B0604020202020204" pitchFamily="34" charset="0"/>
                </a:rPr>
                <a:t>Immersive, hands-on exploration</a:t>
              </a:r>
            </a:p>
          </p:txBody>
        </p:sp>
        <p:sp>
          <p:nvSpPr>
            <p:cNvPr id="17" name="TextBox 16">
              <a:extLst>
                <a:ext uri="{FF2B5EF4-FFF2-40B4-BE49-F238E27FC236}">
                  <a16:creationId xmlns:a16="http://schemas.microsoft.com/office/drawing/2014/main" id="{4DDEA461-6CA5-515B-D575-3B6FE9FB2BBA}"/>
                </a:ext>
              </a:extLst>
            </p:cNvPr>
            <p:cNvSpPr txBox="1"/>
            <p:nvPr/>
          </p:nvSpPr>
          <p:spPr>
            <a:xfrm>
              <a:off x="1110060" y="4508828"/>
              <a:ext cx="3766835" cy="307777"/>
            </a:xfrm>
            <a:prstGeom prst="rect">
              <a:avLst/>
            </a:prstGeom>
            <a:noFill/>
          </p:spPr>
          <p:txBody>
            <a:bodyPr wrap="square" rtlCol="0">
              <a:spAutoFit/>
            </a:bodyPr>
            <a:lstStyle/>
            <a:p>
              <a:pPr marR="0" lvl="0">
                <a:spcBef>
                  <a:spcPts val="0"/>
                </a:spcBef>
                <a:spcAft>
                  <a:spcPts val="800"/>
                </a:spcAft>
              </a:pPr>
              <a:r>
                <a:rPr lang="en-US" sz="1400" b="1" kern="100" dirty="0">
                  <a:latin typeface="Roboto SemiBold" panose="02000000000000000000" pitchFamily="2" charset="0"/>
                  <a:ea typeface="Roboto SemiBold" panose="02000000000000000000" pitchFamily="2" charset="0"/>
                  <a:cs typeface="Arial" panose="020B0604020202020204" pitchFamily="34" charset="0"/>
                </a:rPr>
                <a:t>AI Interactive Chatbot Support</a:t>
              </a:r>
              <a:endParaRPr lang="en-US" sz="1400" kern="100" dirty="0">
                <a:latin typeface="Roboto SemiBold" panose="02000000000000000000" pitchFamily="2" charset="0"/>
                <a:ea typeface="Roboto SemiBold" panose="02000000000000000000" pitchFamily="2" charset="0"/>
                <a:cs typeface="Arial" panose="020B0604020202020204" pitchFamily="34" charset="0"/>
              </a:endParaRPr>
            </a:p>
          </p:txBody>
        </p:sp>
        <p:sp>
          <p:nvSpPr>
            <p:cNvPr id="18" name="TextBox 17">
              <a:extLst>
                <a:ext uri="{FF2B5EF4-FFF2-40B4-BE49-F238E27FC236}">
                  <a16:creationId xmlns:a16="http://schemas.microsoft.com/office/drawing/2014/main" id="{F4C26E46-D3B9-1C21-6BB0-6E7D6E5AB088}"/>
                </a:ext>
              </a:extLst>
            </p:cNvPr>
            <p:cNvSpPr txBox="1"/>
            <p:nvPr/>
          </p:nvSpPr>
          <p:spPr>
            <a:xfrm>
              <a:off x="1110061" y="4717068"/>
              <a:ext cx="2995011" cy="276999"/>
            </a:xfrm>
            <a:prstGeom prst="rect">
              <a:avLst/>
            </a:prstGeom>
            <a:noFill/>
          </p:spPr>
          <p:txBody>
            <a:bodyPr wrap="square" rtlCol="0">
              <a:spAutoFit/>
            </a:bodyPr>
            <a:lstStyle/>
            <a:p>
              <a:pPr marR="0" lvl="0">
                <a:spcBef>
                  <a:spcPts val="0"/>
                </a:spcBef>
                <a:spcAft>
                  <a:spcPts val="800"/>
                </a:spcAft>
              </a:pPr>
              <a:r>
                <a:rPr lang="en-US" sz="1200" kern="100" dirty="0">
                  <a:latin typeface="Roboto SemiBold" panose="02000000000000000000" pitchFamily="2" charset="0"/>
                  <a:ea typeface="Roboto SemiBold" panose="02000000000000000000" pitchFamily="2" charset="0"/>
                  <a:cs typeface="Arial" panose="020B0604020202020204" pitchFamily="34" charset="0"/>
                </a:rPr>
                <a:t>Instant responses </a:t>
              </a:r>
            </a:p>
          </p:txBody>
        </p:sp>
        <p:sp>
          <p:nvSpPr>
            <p:cNvPr id="19" name="TextBox 18">
              <a:extLst>
                <a:ext uri="{FF2B5EF4-FFF2-40B4-BE49-F238E27FC236}">
                  <a16:creationId xmlns:a16="http://schemas.microsoft.com/office/drawing/2014/main" id="{F2BEF366-C899-F3FF-D4DF-8CBF190ABDBB}"/>
                </a:ext>
              </a:extLst>
            </p:cNvPr>
            <p:cNvSpPr txBox="1"/>
            <p:nvPr/>
          </p:nvSpPr>
          <p:spPr>
            <a:xfrm>
              <a:off x="1119129" y="5159788"/>
              <a:ext cx="3766835" cy="307777"/>
            </a:xfrm>
            <a:prstGeom prst="rect">
              <a:avLst/>
            </a:prstGeom>
            <a:noFill/>
          </p:spPr>
          <p:txBody>
            <a:bodyPr wrap="square" rtlCol="0">
              <a:spAutoFit/>
            </a:bodyPr>
            <a:lstStyle/>
            <a:p>
              <a:pPr marR="0" lvl="0">
                <a:spcBef>
                  <a:spcPts val="0"/>
                </a:spcBef>
                <a:spcAft>
                  <a:spcPts val="800"/>
                </a:spcAft>
              </a:pPr>
              <a:r>
                <a:rPr lang="en-US" sz="1400" b="1" kern="100" dirty="0">
                  <a:latin typeface="Roboto SemiBold" panose="02000000000000000000" pitchFamily="2" charset="0"/>
                  <a:ea typeface="Roboto SemiBold" panose="02000000000000000000" pitchFamily="2" charset="0"/>
                  <a:cs typeface="Arial" panose="020B0604020202020204" pitchFamily="34" charset="0"/>
                </a:rPr>
                <a:t>Language Selection</a:t>
              </a:r>
              <a:endParaRPr lang="en-US" sz="1400" kern="100" dirty="0">
                <a:latin typeface="Roboto SemiBold" panose="02000000000000000000" pitchFamily="2" charset="0"/>
                <a:ea typeface="Roboto SemiBold" panose="02000000000000000000" pitchFamily="2" charset="0"/>
                <a:cs typeface="Arial" panose="020B0604020202020204" pitchFamily="34" charset="0"/>
              </a:endParaRPr>
            </a:p>
          </p:txBody>
        </p:sp>
        <p:sp>
          <p:nvSpPr>
            <p:cNvPr id="20" name="TextBox 19">
              <a:extLst>
                <a:ext uri="{FF2B5EF4-FFF2-40B4-BE49-F238E27FC236}">
                  <a16:creationId xmlns:a16="http://schemas.microsoft.com/office/drawing/2014/main" id="{184650C4-2F24-5269-770A-26D989382413}"/>
                </a:ext>
              </a:extLst>
            </p:cNvPr>
            <p:cNvSpPr txBox="1"/>
            <p:nvPr/>
          </p:nvSpPr>
          <p:spPr>
            <a:xfrm>
              <a:off x="1119129" y="5369749"/>
              <a:ext cx="3219983" cy="461665"/>
            </a:xfrm>
            <a:prstGeom prst="rect">
              <a:avLst/>
            </a:prstGeom>
            <a:noFill/>
          </p:spPr>
          <p:txBody>
            <a:bodyPr wrap="square" rtlCol="0">
              <a:spAutoFit/>
            </a:bodyPr>
            <a:lstStyle/>
            <a:p>
              <a:pPr marR="0" lvl="0">
                <a:spcBef>
                  <a:spcPts val="0"/>
                </a:spcBef>
                <a:spcAft>
                  <a:spcPts val="800"/>
                </a:spcAft>
              </a:pPr>
              <a:r>
                <a:rPr lang="en-US" sz="1200" kern="100" dirty="0">
                  <a:latin typeface="Roboto SemiBold" panose="02000000000000000000" pitchFamily="2" charset="0"/>
                  <a:ea typeface="Roboto SemiBold" panose="02000000000000000000" pitchFamily="2" charset="0"/>
                  <a:cs typeface="Arial" panose="020B0604020202020204" pitchFamily="34" charset="0"/>
                </a:rPr>
                <a:t>French, Spanish, or English for learning ease</a:t>
              </a:r>
            </a:p>
          </p:txBody>
        </p:sp>
        <p:sp>
          <p:nvSpPr>
            <p:cNvPr id="21" name="TextBox 20">
              <a:extLst>
                <a:ext uri="{FF2B5EF4-FFF2-40B4-BE49-F238E27FC236}">
                  <a16:creationId xmlns:a16="http://schemas.microsoft.com/office/drawing/2014/main" id="{AFC0EC1E-407E-2D5D-6B84-7EB6776634DF}"/>
                </a:ext>
              </a:extLst>
            </p:cNvPr>
            <p:cNvSpPr txBox="1"/>
            <p:nvPr/>
          </p:nvSpPr>
          <p:spPr>
            <a:xfrm>
              <a:off x="1133450" y="5807594"/>
              <a:ext cx="3766835" cy="307777"/>
            </a:xfrm>
            <a:prstGeom prst="rect">
              <a:avLst/>
            </a:prstGeom>
            <a:noFill/>
          </p:spPr>
          <p:txBody>
            <a:bodyPr wrap="square" rtlCol="0">
              <a:spAutoFit/>
            </a:bodyPr>
            <a:lstStyle/>
            <a:p>
              <a:pPr marR="0" lvl="0">
                <a:spcBef>
                  <a:spcPts val="0"/>
                </a:spcBef>
                <a:spcAft>
                  <a:spcPts val="800"/>
                </a:spcAft>
              </a:pPr>
              <a:r>
                <a:rPr lang="en-US" sz="1400" b="1" kern="100" dirty="0">
                  <a:latin typeface="Roboto SemiBold" panose="02000000000000000000" pitchFamily="2" charset="0"/>
                  <a:ea typeface="Roboto SemiBold" panose="02000000000000000000" pitchFamily="2" charset="0"/>
                  <a:cs typeface="Arial" panose="020B0604020202020204" pitchFamily="34" charset="0"/>
                </a:rPr>
                <a:t>Articulate Storyline</a:t>
              </a:r>
              <a:endParaRPr lang="en-US" sz="1400" kern="100" dirty="0">
                <a:latin typeface="Roboto SemiBold" panose="02000000000000000000" pitchFamily="2" charset="0"/>
                <a:ea typeface="Roboto SemiBold" panose="02000000000000000000" pitchFamily="2" charset="0"/>
                <a:cs typeface="Arial" panose="020B0604020202020204" pitchFamily="34" charset="0"/>
              </a:endParaRPr>
            </a:p>
          </p:txBody>
        </p:sp>
        <p:sp>
          <p:nvSpPr>
            <p:cNvPr id="22" name="TextBox 21">
              <a:extLst>
                <a:ext uri="{FF2B5EF4-FFF2-40B4-BE49-F238E27FC236}">
                  <a16:creationId xmlns:a16="http://schemas.microsoft.com/office/drawing/2014/main" id="{4E62414A-AE73-D002-BB3D-CACC9D996953}"/>
                </a:ext>
              </a:extLst>
            </p:cNvPr>
            <p:cNvSpPr txBox="1"/>
            <p:nvPr/>
          </p:nvSpPr>
          <p:spPr>
            <a:xfrm>
              <a:off x="1133450" y="6017557"/>
              <a:ext cx="3743445" cy="276999"/>
            </a:xfrm>
            <a:prstGeom prst="rect">
              <a:avLst/>
            </a:prstGeom>
            <a:noFill/>
          </p:spPr>
          <p:txBody>
            <a:bodyPr wrap="square" rtlCol="0">
              <a:spAutoFit/>
            </a:bodyPr>
            <a:lstStyle/>
            <a:p>
              <a:pPr marR="0" lvl="0">
                <a:spcBef>
                  <a:spcPts val="0"/>
                </a:spcBef>
                <a:spcAft>
                  <a:spcPts val="800"/>
                </a:spcAft>
              </a:pPr>
              <a:r>
                <a:rPr lang="en-US" sz="1200" kern="100" dirty="0">
                  <a:latin typeface="Roboto SemiBold" panose="02000000000000000000" pitchFamily="2" charset="0"/>
                  <a:ea typeface="Roboto SemiBold" panose="02000000000000000000" pitchFamily="2" charset="0"/>
                  <a:cs typeface="Arial" panose="020B0604020202020204" pitchFamily="34" charset="0"/>
                </a:rPr>
                <a:t>Customized interactions for engagement</a:t>
              </a:r>
            </a:p>
          </p:txBody>
        </p:sp>
        <p:sp>
          <p:nvSpPr>
            <p:cNvPr id="23" name="Oval 22">
              <a:extLst>
                <a:ext uri="{FF2B5EF4-FFF2-40B4-BE49-F238E27FC236}">
                  <a16:creationId xmlns:a16="http://schemas.microsoft.com/office/drawing/2014/main" id="{A7F4CD5F-8E6D-B494-4022-A2929869C00D}"/>
                </a:ext>
              </a:extLst>
            </p:cNvPr>
            <p:cNvSpPr/>
            <p:nvPr/>
          </p:nvSpPr>
          <p:spPr>
            <a:xfrm>
              <a:off x="544746" y="5798138"/>
              <a:ext cx="525818" cy="525818"/>
            </a:xfrm>
            <a:prstGeom prst="ellipse">
              <a:avLst/>
            </a:prstGeom>
            <a:noFill/>
            <a:ln w="6350">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solidFill>
                  <a:schemeClr val="tx1"/>
                </a:solidFill>
                <a:latin typeface="Roboto SemiBold" panose="02000000000000000000" pitchFamily="2" charset="0"/>
              </a:endParaRPr>
            </a:p>
          </p:txBody>
        </p:sp>
        <p:grpSp>
          <p:nvGrpSpPr>
            <p:cNvPr id="24" name="Graphic 30">
              <a:extLst>
                <a:ext uri="{FF2B5EF4-FFF2-40B4-BE49-F238E27FC236}">
                  <a16:creationId xmlns:a16="http://schemas.microsoft.com/office/drawing/2014/main" id="{307E17F1-A68C-B6C8-BA6A-7D9D0134F446}"/>
                </a:ext>
              </a:extLst>
            </p:cNvPr>
            <p:cNvGrpSpPr/>
            <p:nvPr/>
          </p:nvGrpSpPr>
          <p:grpSpPr>
            <a:xfrm>
              <a:off x="649810" y="3329241"/>
              <a:ext cx="315690" cy="315690"/>
              <a:chOff x="1846017" y="561729"/>
              <a:chExt cx="1967157" cy="1967157"/>
            </a:xfrm>
            <a:solidFill>
              <a:schemeClr val="tx1"/>
            </a:solidFill>
          </p:grpSpPr>
          <p:sp>
            <p:nvSpPr>
              <p:cNvPr id="25" name="Freeform: Shape 24">
                <a:extLst>
                  <a:ext uri="{FF2B5EF4-FFF2-40B4-BE49-F238E27FC236}">
                    <a16:creationId xmlns:a16="http://schemas.microsoft.com/office/drawing/2014/main" id="{4E4F967F-CD3C-C69A-1964-95DD7CE06F51}"/>
                  </a:ext>
                </a:extLst>
              </p:cNvPr>
              <p:cNvSpPr/>
              <p:nvPr/>
            </p:nvSpPr>
            <p:spPr>
              <a:xfrm>
                <a:off x="1846017" y="561729"/>
                <a:ext cx="1967157" cy="1967157"/>
              </a:xfrm>
              <a:custGeom>
                <a:avLst/>
                <a:gdLst>
                  <a:gd name="connsiteX0" fmla="*/ 1967158 w 1967157"/>
                  <a:gd name="connsiteY0" fmla="*/ 701692 h 1967157"/>
                  <a:gd name="connsiteX1" fmla="*/ 1967158 w 1967157"/>
                  <a:gd name="connsiteY1" fmla="*/ 599679 h 1967157"/>
                  <a:gd name="connsiteX2" fmla="*/ 1804577 w 1967157"/>
                  <a:gd name="connsiteY2" fmla="*/ 599679 h 1967157"/>
                  <a:gd name="connsiteX3" fmla="*/ 1804577 w 1967157"/>
                  <a:gd name="connsiteY3" fmla="*/ 460080 h 1967157"/>
                  <a:gd name="connsiteX4" fmla="*/ 1507079 w 1967157"/>
                  <a:gd name="connsiteY4" fmla="*/ 162581 h 1967157"/>
                  <a:gd name="connsiteX5" fmla="*/ 1367479 w 1967157"/>
                  <a:gd name="connsiteY5" fmla="*/ 162581 h 1967157"/>
                  <a:gd name="connsiteX6" fmla="*/ 1367479 w 1967157"/>
                  <a:gd name="connsiteY6" fmla="*/ 0 h 1967157"/>
                  <a:gd name="connsiteX7" fmla="*/ 1265466 w 1967157"/>
                  <a:gd name="connsiteY7" fmla="*/ 0 h 1967157"/>
                  <a:gd name="connsiteX8" fmla="*/ 1265466 w 1967157"/>
                  <a:gd name="connsiteY8" fmla="*/ 162581 h 1967157"/>
                  <a:gd name="connsiteX9" fmla="*/ 1034206 w 1967157"/>
                  <a:gd name="connsiteY9" fmla="*/ 162581 h 1967157"/>
                  <a:gd name="connsiteX10" fmla="*/ 1034206 w 1967157"/>
                  <a:gd name="connsiteY10" fmla="*/ 0 h 1967157"/>
                  <a:gd name="connsiteX11" fmla="*/ 932194 w 1967157"/>
                  <a:gd name="connsiteY11" fmla="*/ 0 h 1967157"/>
                  <a:gd name="connsiteX12" fmla="*/ 932194 w 1967157"/>
                  <a:gd name="connsiteY12" fmla="*/ 162581 h 1967157"/>
                  <a:gd name="connsiteX13" fmla="*/ 701692 w 1967157"/>
                  <a:gd name="connsiteY13" fmla="*/ 162581 h 1967157"/>
                  <a:gd name="connsiteX14" fmla="*/ 701692 w 1967157"/>
                  <a:gd name="connsiteY14" fmla="*/ 0 h 1967157"/>
                  <a:gd name="connsiteX15" fmla="*/ 599679 w 1967157"/>
                  <a:gd name="connsiteY15" fmla="*/ 0 h 1967157"/>
                  <a:gd name="connsiteX16" fmla="*/ 599679 w 1967157"/>
                  <a:gd name="connsiteY16" fmla="*/ 162581 h 1967157"/>
                  <a:gd name="connsiteX17" fmla="*/ 460080 w 1967157"/>
                  <a:gd name="connsiteY17" fmla="*/ 162581 h 1967157"/>
                  <a:gd name="connsiteX18" fmla="*/ 162581 w 1967157"/>
                  <a:gd name="connsiteY18" fmla="*/ 460080 h 1967157"/>
                  <a:gd name="connsiteX19" fmla="*/ 162581 w 1967157"/>
                  <a:gd name="connsiteY19" fmla="*/ 599679 h 1967157"/>
                  <a:gd name="connsiteX20" fmla="*/ 0 w 1967157"/>
                  <a:gd name="connsiteY20" fmla="*/ 599679 h 1967157"/>
                  <a:gd name="connsiteX21" fmla="*/ 0 w 1967157"/>
                  <a:gd name="connsiteY21" fmla="*/ 701692 h 1967157"/>
                  <a:gd name="connsiteX22" fmla="*/ 162581 w 1967157"/>
                  <a:gd name="connsiteY22" fmla="*/ 701692 h 1967157"/>
                  <a:gd name="connsiteX23" fmla="*/ 162581 w 1967157"/>
                  <a:gd name="connsiteY23" fmla="*/ 932194 h 1967157"/>
                  <a:gd name="connsiteX24" fmla="*/ 0 w 1967157"/>
                  <a:gd name="connsiteY24" fmla="*/ 932194 h 1967157"/>
                  <a:gd name="connsiteX25" fmla="*/ 0 w 1967157"/>
                  <a:gd name="connsiteY25" fmla="*/ 1034206 h 1967157"/>
                  <a:gd name="connsiteX26" fmla="*/ 162581 w 1967157"/>
                  <a:gd name="connsiteY26" fmla="*/ 1034206 h 1967157"/>
                  <a:gd name="connsiteX27" fmla="*/ 162581 w 1967157"/>
                  <a:gd name="connsiteY27" fmla="*/ 1265466 h 1967157"/>
                  <a:gd name="connsiteX28" fmla="*/ 0 w 1967157"/>
                  <a:gd name="connsiteY28" fmla="*/ 1265466 h 1967157"/>
                  <a:gd name="connsiteX29" fmla="*/ 0 w 1967157"/>
                  <a:gd name="connsiteY29" fmla="*/ 1367479 h 1967157"/>
                  <a:gd name="connsiteX30" fmla="*/ 162581 w 1967157"/>
                  <a:gd name="connsiteY30" fmla="*/ 1367479 h 1967157"/>
                  <a:gd name="connsiteX31" fmla="*/ 162581 w 1967157"/>
                  <a:gd name="connsiteY31" fmla="*/ 1507079 h 1967157"/>
                  <a:gd name="connsiteX32" fmla="*/ 460080 w 1967157"/>
                  <a:gd name="connsiteY32" fmla="*/ 1804577 h 1967157"/>
                  <a:gd name="connsiteX33" fmla="*/ 599679 w 1967157"/>
                  <a:gd name="connsiteY33" fmla="*/ 1804577 h 1967157"/>
                  <a:gd name="connsiteX34" fmla="*/ 599679 w 1967157"/>
                  <a:gd name="connsiteY34" fmla="*/ 1967158 h 1967157"/>
                  <a:gd name="connsiteX35" fmla="*/ 701692 w 1967157"/>
                  <a:gd name="connsiteY35" fmla="*/ 1967158 h 1967157"/>
                  <a:gd name="connsiteX36" fmla="*/ 701692 w 1967157"/>
                  <a:gd name="connsiteY36" fmla="*/ 1804577 h 1967157"/>
                  <a:gd name="connsiteX37" fmla="*/ 932194 w 1967157"/>
                  <a:gd name="connsiteY37" fmla="*/ 1804577 h 1967157"/>
                  <a:gd name="connsiteX38" fmla="*/ 932194 w 1967157"/>
                  <a:gd name="connsiteY38" fmla="*/ 1967158 h 1967157"/>
                  <a:gd name="connsiteX39" fmla="*/ 1034206 w 1967157"/>
                  <a:gd name="connsiteY39" fmla="*/ 1967158 h 1967157"/>
                  <a:gd name="connsiteX40" fmla="*/ 1034206 w 1967157"/>
                  <a:gd name="connsiteY40" fmla="*/ 1804577 h 1967157"/>
                  <a:gd name="connsiteX41" fmla="*/ 1265466 w 1967157"/>
                  <a:gd name="connsiteY41" fmla="*/ 1804577 h 1967157"/>
                  <a:gd name="connsiteX42" fmla="*/ 1265466 w 1967157"/>
                  <a:gd name="connsiteY42" fmla="*/ 1967158 h 1967157"/>
                  <a:gd name="connsiteX43" fmla="*/ 1367479 w 1967157"/>
                  <a:gd name="connsiteY43" fmla="*/ 1967158 h 1967157"/>
                  <a:gd name="connsiteX44" fmla="*/ 1367479 w 1967157"/>
                  <a:gd name="connsiteY44" fmla="*/ 1804577 h 1967157"/>
                  <a:gd name="connsiteX45" fmla="*/ 1507079 w 1967157"/>
                  <a:gd name="connsiteY45" fmla="*/ 1804577 h 1967157"/>
                  <a:gd name="connsiteX46" fmla="*/ 1804577 w 1967157"/>
                  <a:gd name="connsiteY46" fmla="*/ 1507079 h 1967157"/>
                  <a:gd name="connsiteX47" fmla="*/ 1804577 w 1967157"/>
                  <a:gd name="connsiteY47" fmla="*/ 1367479 h 1967157"/>
                  <a:gd name="connsiteX48" fmla="*/ 1967158 w 1967157"/>
                  <a:gd name="connsiteY48" fmla="*/ 1367479 h 1967157"/>
                  <a:gd name="connsiteX49" fmla="*/ 1967158 w 1967157"/>
                  <a:gd name="connsiteY49" fmla="*/ 1265466 h 1967157"/>
                  <a:gd name="connsiteX50" fmla="*/ 1804577 w 1967157"/>
                  <a:gd name="connsiteY50" fmla="*/ 1265466 h 1967157"/>
                  <a:gd name="connsiteX51" fmla="*/ 1804577 w 1967157"/>
                  <a:gd name="connsiteY51" fmla="*/ 1034206 h 1967157"/>
                  <a:gd name="connsiteX52" fmla="*/ 1967158 w 1967157"/>
                  <a:gd name="connsiteY52" fmla="*/ 1034206 h 1967157"/>
                  <a:gd name="connsiteX53" fmla="*/ 1967158 w 1967157"/>
                  <a:gd name="connsiteY53" fmla="*/ 932194 h 1967157"/>
                  <a:gd name="connsiteX54" fmla="*/ 1804577 w 1967157"/>
                  <a:gd name="connsiteY54" fmla="*/ 932194 h 1967157"/>
                  <a:gd name="connsiteX55" fmla="*/ 1804577 w 1967157"/>
                  <a:gd name="connsiteY55" fmla="*/ 701692 h 1967157"/>
                  <a:gd name="connsiteX56" fmla="*/ 1967158 w 1967157"/>
                  <a:gd name="connsiteY56" fmla="*/ 701692 h 1967157"/>
                  <a:gd name="connsiteX57" fmla="*/ 1704873 w 1967157"/>
                  <a:gd name="connsiteY57" fmla="*/ 1507111 h 1967157"/>
                  <a:gd name="connsiteX58" fmla="*/ 1507079 w 1967157"/>
                  <a:gd name="connsiteY58" fmla="*/ 1704906 h 1967157"/>
                  <a:gd name="connsiteX59" fmla="*/ 460047 w 1967157"/>
                  <a:gd name="connsiteY59" fmla="*/ 1704906 h 1967157"/>
                  <a:gd name="connsiteX60" fmla="*/ 262253 w 1967157"/>
                  <a:gd name="connsiteY60" fmla="*/ 1507111 h 1967157"/>
                  <a:gd name="connsiteX61" fmla="*/ 262253 w 1967157"/>
                  <a:gd name="connsiteY61" fmla="*/ 460080 h 1967157"/>
                  <a:gd name="connsiteX62" fmla="*/ 460047 w 1967157"/>
                  <a:gd name="connsiteY62" fmla="*/ 262286 h 1967157"/>
                  <a:gd name="connsiteX63" fmla="*/ 1507079 w 1967157"/>
                  <a:gd name="connsiteY63" fmla="*/ 262286 h 1967157"/>
                  <a:gd name="connsiteX64" fmla="*/ 1704873 w 1967157"/>
                  <a:gd name="connsiteY64" fmla="*/ 460080 h 1967157"/>
                  <a:gd name="connsiteX65" fmla="*/ 1704873 w 1967157"/>
                  <a:gd name="connsiteY65" fmla="*/ 1507111 h 19671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Lst>
                <a:rect l="l" t="t" r="r" b="b"/>
                <a:pathLst>
                  <a:path w="1967157" h="1967157">
                    <a:moveTo>
                      <a:pt x="1967158" y="701692"/>
                    </a:moveTo>
                    <a:lnTo>
                      <a:pt x="1967158" y="599679"/>
                    </a:lnTo>
                    <a:lnTo>
                      <a:pt x="1804577" y="599679"/>
                    </a:lnTo>
                    <a:lnTo>
                      <a:pt x="1804577" y="460080"/>
                    </a:lnTo>
                    <a:cubicBezTo>
                      <a:pt x="1804577" y="296048"/>
                      <a:pt x="1671143" y="162581"/>
                      <a:pt x="1507079" y="162581"/>
                    </a:cubicBezTo>
                    <a:lnTo>
                      <a:pt x="1367479" y="162581"/>
                    </a:lnTo>
                    <a:lnTo>
                      <a:pt x="1367479" y="0"/>
                    </a:lnTo>
                    <a:lnTo>
                      <a:pt x="1265466" y="0"/>
                    </a:lnTo>
                    <a:lnTo>
                      <a:pt x="1265466" y="162581"/>
                    </a:lnTo>
                    <a:lnTo>
                      <a:pt x="1034206" y="162581"/>
                    </a:lnTo>
                    <a:lnTo>
                      <a:pt x="1034206" y="0"/>
                    </a:lnTo>
                    <a:lnTo>
                      <a:pt x="932194" y="0"/>
                    </a:lnTo>
                    <a:lnTo>
                      <a:pt x="932194" y="162581"/>
                    </a:lnTo>
                    <a:lnTo>
                      <a:pt x="701692" y="162581"/>
                    </a:lnTo>
                    <a:lnTo>
                      <a:pt x="701692" y="0"/>
                    </a:lnTo>
                    <a:lnTo>
                      <a:pt x="599679" y="0"/>
                    </a:lnTo>
                    <a:lnTo>
                      <a:pt x="599679" y="162581"/>
                    </a:lnTo>
                    <a:lnTo>
                      <a:pt x="460080" y="162581"/>
                    </a:lnTo>
                    <a:cubicBezTo>
                      <a:pt x="296048" y="162581"/>
                      <a:pt x="162581" y="296015"/>
                      <a:pt x="162581" y="460080"/>
                    </a:cubicBezTo>
                    <a:lnTo>
                      <a:pt x="162581" y="599679"/>
                    </a:lnTo>
                    <a:lnTo>
                      <a:pt x="0" y="599679"/>
                    </a:lnTo>
                    <a:lnTo>
                      <a:pt x="0" y="701692"/>
                    </a:lnTo>
                    <a:lnTo>
                      <a:pt x="162581" y="701692"/>
                    </a:lnTo>
                    <a:lnTo>
                      <a:pt x="162581" y="932194"/>
                    </a:lnTo>
                    <a:lnTo>
                      <a:pt x="0" y="932194"/>
                    </a:lnTo>
                    <a:lnTo>
                      <a:pt x="0" y="1034206"/>
                    </a:lnTo>
                    <a:lnTo>
                      <a:pt x="162581" y="1034206"/>
                    </a:lnTo>
                    <a:lnTo>
                      <a:pt x="162581" y="1265466"/>
                    </a:lnTo>
                    <a:lnTo>
                      <a:pt x="0" y="1265466"/>
                    </a:lnTo>
                    <a:lnTo>
                      <a:pt x="0" y="1367479"/>
                    </a:lnTo>
                    <a:lnTo>
                      <a:pt x="162581" y="1367479"/>
                    </a:lnTo>
                    <a:lnTo>
                      <a:pt x="162581" y="1507079"/>
                    </a:lnTo>
                    <a:cubicBezTo>
                      <a:pt x="162581" y="1671110"/>
                      <a:pt x="296015" y="1804577"/>
                      <a:pt x="460080" y="1804577"/>
                    </a:cubicBezTo>
                    <a:lnTo>
                      <a:pt x="599679" y="1804577"/>
                    </a:lnTo>
                    <a:lnTo>
                      <a:pt x="599679" y="1967158"/>
                    </a:lnTo>
                    <a:lnTo>
                      <a:pt x="701692" y="1967158"/>
                    </a:lnTo>
                    <a:lnTo>
                      <a:pt x="701692" y="1804577"/>
                    </a:lnTo>
                    <a:lnTo>
                      <a:pt x="932194" y="1804577"/>
                    </a:lnTo>
                    <a:lnTo>
                      <a:pt x="932194" y="1967158"/>
                    </a:lnTo>
                    <a:lnTo>
                      <a:pt x="1034206" y="1967158"/>
                    </a:lnTo>
                    <a:lnTo>
                      <a:pt x="1034206" y="1804577"/>
                    </a:lnTo>
                    <a:lnTo>
                      <a:pt x="1265466" y="1804577"/>
                    </a:lnTo>
                    <a:lnTo>
                      <a:pt x="1265466" y="1967158"/>
                    </a:lnTo>
                    <a:lnTo>
                      <a:pt x="1367479" y="1967158"/>
                    </a:lnTo>
                    <a:lnTo>
                      <a:pt x="1367479" y="1804577"/>
                    </a:lnTo>
                    <a:lnTo>
                      <a:pt x="1507079" y="1804577"/>
                    </a:lnTo>
                    <a:cubicBezTo>
                      <a:pt x="1671110" y="1804577"/>
                      <a:pt x="1804577" y="1671143"/>
                      <a:pt x="1804577" y="1507079"/>
                    </a:cubicBezTo>
                    <a:lnTo>
                      <a:pt x="1804577" y="1367479"/>
                    </a:lnTo>
                    <a:lnTo>
                      <a:pt x="1967158" y="1367479"/>
                    </a:lnTo>
                    <a:lnTo>
                      <a:pt x="1967158" y="1265466"/>
                    </a:lnTo>
                    <a:lnTo>
                      <a:pt x="1804577" y="1265466"/>
                    </a:lnTo>
                    <a:lnTo>
                      <a:pt x="1804577" y="1034206"/>
                    </a:lnTo>
                    <a:lnTo>
                      <a:pt x="1967158" y="1034206"/>
                    </a:lnTo>
                    <a:lnTo>
                      <a:pt x="1967158" y="932194"/>
                    </a:lnTo>
                    <a:lnTo>
                      <a:pt x="1804577" y="932194"/>
                    </a:lnTo>
                    <a:lnTo>
                      <a:pt x="1804577" y="701692"/>
                    </a:lnTo>
                    <a:lnTo>
                      <a:pt x="1967158" y="701692"/>
                    </a:lnTo>
                    <a:close/>
                    <a:moveTo>
                      <a:pt x="1704873" y="1507111"/>
                    </a:moveTo>
                    <a:cubicBezTo>
                      <a:pt x="1704873" y="1616180"/>
                      <a:pt x="1616147" y="1704906"/>
                      <a:pt x="1507079" y="1704906"/>
                    </a:cubicBezTo>
                    <a:lnTo>
                      <a:pt x="460047" y="1704906"/>
                    </a:lnTo>
                    <a:cubicBezTo>
                      <a:pt x="350978" y="1704906"/>
                      <a:pt x="262253" y="1616180"/>
                      <a:pt x="262253" y="1507111"/>
                    </a:cubicBezTo>
                    <a:lnTo>
                      <a:pt x="262253" y="460080"/>
                    </a:lnTo>
                    <a:cubicBezTo>
                      <a:pt x="262253" y="351011"/>
                      <a:pt x="350978" y="262286"/>
                      <a:pt x="460047" y="262286"/>
                    </a:cubicBezTo>
                    <a:lnTo>
                      <a:pt x="1507079" y="262286"/>
                    </a:lnTo>
                    <a:cubicBezTo>
                      <a:pt x="1616147" y="262286"/>
                      <a:pt x="1704873" y="351011"/>
                      <a:pt x="1704873" y="460080"/>
                    </a:cubicBezTo>
                    <a:lnTo>
                      <a:pt x="1704873" y="1507111"/>
                    </a:ln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26" name="Freeform: Shape 25">
                <a:extLst>
                  <a:ext uri="{FF2B5EF4-FFF2-40B4-BE49-F238E27FC236}">
                    <a16:creationId xmlns:a16="http://schemas.microsoft.com/office/drawing/2014/main" id="{9E84F6FF-771C-5C0D-BF69-24A9B9EBAFBB}"/>
                  </a:ext>
                </a:extLst>
              </p:cNvPr>
              <p:cNvSpPr/>
              <p:nvPr/>
            </p:nvSpPr>
            <p:spPr>
              <a:xfrm>
                <a:off x="3139080" y="1208227"/>
                <a:ext cx="131258" cy="674194"/>
              </a:xfrm>
              <a:custGeom>
                <a:avLst/>
                <a:gdLst>
                  <a:gd name="connsiteX0" fmla="*/ 0 w 131258"/>
                  <a:gd name="connsiteY0" fmla="*/ 0 h 674194"/>
                  <a:gd name="connsiteX1" fmla="*/ 131258 w 131258"/>
                  <a:gd name="connsiteY1" fmla="*/ 0 h 674194"/>
                  <a:gd name="connsiteX2" fmla="*/ 131258 w 131258"/>
                  <a:gd name="connsiteY2" fmla="*/ 674194 h 674194"/>
                  <a:gd name="connsiteX3" fmla="*/ 0 w 131258"/>
                  <a:gd name="connsiteY3" fmla="*/ 674194 h 674194"/>
                </a:gdLst>
                <a:ahLst/>
                <a:cxnLst>
                  <a:cxn ang="0">
                    <a:pos x="connsiteX0" y="connsiteY0"/>
                  </a:cxn>
                  <a:cxn ang="0">
                    <a:pos x="connsiteX1" y="connsiteY1"/>
                  </a:cxn>
                  <a:cxn ang="0">
                    <a:pos x="connsiteX2" y="connsiteY2"/>
                  </a:cxn>
                  <a:cxn ang="0">
                    <a:pos x="connsiteX3" y="connsiteY3"/>
                  </a:cxn>
                </a:cxnLst>
                <a:rect l="l" t="t" r="r" b="b"/>
                <a:pathLst>
                  <a:path w="131258" h="674194">
                    <a:moveTo>
                      <a:pt x="0" y="0"/>
                    </a:moveTo>
                    <a:lnTo>
                      <a:pt x="131258" y="0"/>
                    </a:lnTo>
                    <a:lnTo>
                      <a:pt x="131258" y="674194"/>
                    </a:lnTo>
                    <a:lnTo>
                      <a:pt x="0" y="674194"/>
                    </a:ln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27" name="Freeform: Shape 26">
                <a:extLst>
                  <a:ext uri="{FF2B5EF4-FFF2-40B4-BE49-F238E27FC236}">
                    <a16:creationId xmlns:a16="http://schemas.microsoft.com/office/drawing/2014/main" id="{16BDB8E4-E48D-EEB9-7892-EFE4A2013C5D}"/>
                  </a:ext>
                </a:extLst>
              </p:cNvPr>
              <p:cNvSpPr/>
              <p:nvPr/>
            </p:nvSpPr>
            <p:spPr>
              <a:xfrm>
                <a:off x="2388887" y="1208227"/>
                <a:ext cx="661401" cy="674194"/>
              </a:xfrm>
              <a:custGeom>
                <a:avLst/>
                <a:gdLst>
                  <a:gd name="connsiteX0" fmla="*/ 254438 w 661401"/>
                  <a:gd name="connsiteY0" fmla="*/ 0 h 674194"/>
                  <a:gd name="connsiteX1" fmla="*/ 0 w 661401"/>
                  <a:gd name="connsiteY1" fmla="*/ 674194 h 674194"/>
                  <a:gd name="connsiteX2" fmla="*/ 147678 w 661401"/>
                  <a:gd name="connsiteY2" fmla="*/ 674194 h 674194"/>
                  <a:gd name="connsiteX3" fmla="*/ 203498 w 661401"/>
                  <a:gd name="connsiteY3" fmla="*/ 512405 h 674194"/>
                  <a:gd name="connsiteX4" fmla="*/ 459057 w 661401"/>
                  <a:gd name="connsiteY4" fmla="*/ 512405 h 674194"/>
                  <a:gd name="connsiteX5" fmla="*/ 513691 w 661401"/>
                  <a:gd name="connsiteY5" fmla="*/ 674194 h 674194"/>
                  <a:gd name="connsiteX6" fmla="*/ 661401 w 661401"/>
                  <a:gd name="connsiteY6" fmla="*/ 674194 h 674194"/>
                  <a:gd name="connsiteX7" fmla="*/ 411480 w 661401"/>
                  <a:gd name="connsiteY7" fmla="*/ 0 h 674194"/>
                  <a:gd name="connsiteX8" fmla="*/ 254471 w 661401"/>
                  <a:gd name="connsiteY8" fmla="*/ 0 h 674194"/>
                  <a:gd name="connsiteX9" fmla="*/ 245305 w 661401"/>
                  <a:gd name="connsiteY9" fmla="*/ 391170 h 674194"/>
                  <a:gd name="connsiteX10" fmla="*/ 332646 w 661401"/>
                  <a:gd name="connsiteY10" fmla="*/ 142930 h 674194"/>
                  <a:gd name="connsiteX11" fmla="*/ 418107 w 661401"/>
                  <a:gd name="connsiteY11" fmla="*/ 391170 h 674194"/>
                  <a:gd name="connsiteX12" fmla="*/ 245305 w 661401"/>
                  <a:gd name="connsiteY12" fmla="*/ 391170 h 67419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661401" h="674194">
                    <a:moveTo>
                      <a:pt x="254438" y="0"/>
                    </a:moveTo>
                    <a:lnTo>
                      <a:pt x="0" y="674194"/>
                    </a:lnTo>
                    <a:lnTo>
                      <a:pt x="147678" y="674194"/>
                    </a:lnTo>
                    <a:lnTo>
                      <a:pt x="203498" y="512405"/>
                    </a:lnTo>
                    <a:lnTo>
                      <a:pt x="459057" y="512405"/>
                    </a:lnTo>
                    <a:lnTo>
                      <a:pt x="513691" y="674194"/>
                    </a:lnTo>
                    <a:lnTo>
                      <a:pt x="661401" y="674194"/>
                    </a:lnTo>
                    <a:lnTo>
                      <a:pt x="411480" y="0"/>
                    </a:lnTo>
                    <a:lnTo>
                      <a:pt x="254471" y="0"/>
                    </a:lnTo>
                    <a:close/>
                    <a:moveTo>
                      <a:pt x="245305" y="391170"/>
                    </a:moveTo>
                    <a:lnTo>
                      <a:pt x="332646" y="142930"/>
                    </a:lnTo>
                    <a:lnTo>
                      <a:pt x="418107" y="391170"/>
                    </a:lnTo>
                    <a:lnTo>
                      <a:pt x="245305" y="391170"/>
                    </a:ln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grpSp>
          <p:nvGrpSpPr>
            <p:cNvPr id="28" name="Graphic 30">
              <a:extLst>
                <a:ext uri="{FF2B5EF4-FFF2-40B4-BE49-F238E27FC236}">
                  <a16:creationId xmlns:a16="http://schemas.microsoft.com/office/drawing/2014/main" id="{9016C7EC-32B5-4672-2047-35F98655E12F}"/>
                </a:ext>
              </a:extLst>
            </p:cNvPr>
            <p:cNvGrpSpPr/>
            <p:nvPr/>
          </p:nvGrpSpPr>
          <p:grpSpPr>
            <a:xfrm>
              <a:off x="632715" y="3958255"/>
              <a:ext cx="348916" cy="348916"/>
              <a:chOff x="1706088" y="3208950"/>
              <a:chExt cx="2425819" cy="2425819"/>
            </a:xfrm>
            <a:noFill/>
          </p:grpSpPr>
          <p:sp>
            <p:nvSpPr>
              <p:cNvPr id="29" name="Freeform: Shape 28">
                <a:extLst>
                  <a:ext uri="{FF2B5EF4-FFF2-40B4-BE49-F238E27FC236}">
                    <a16:creationId xmlns:a16="http://schemas.microsoft.com/office/drawing/2014/main" id="{EB62415D-C20A-2E05-551B-8C6D7E4382C0}"/>
                  </a:ext>
                </a:extLst>
              </p:cNvPr>
              <p:cNvSpPr/>
              <p:nvPr/>
            </p:nvSpPr>
            <p:spPr>
              <a:xfrm>
                <a:off x="1706088" y="3208950"/>
                <a:ext cx="2425819" cy="2425819"/>
              </a:xfrm>
              <a:custGeom>
                <a:avLst/>
                <a:gdLst>
                  <a:gd name="connsiteX0" fmla="*/ 2425820 w 2425819"/>
                  <a:gd name="connsiteY0" fmla="*/ 1212910 h 2425819"/>
                  <a:gd name="connsiteX1" fmla="*/ 1212910 w 2425819"/>
                  <a:gd name="connsiteY1" fmla="*/ 2425820 h 2425819"/>
                  <a:gd name="connsiteX2" fmla="*/ 0 w 2425819"/>
                  <a:gd name="connsiteY2" fmla="*/ 1212910 h 2425819"/>
                  <a:gd name="connsiteX3" fmla="*/ 1212910 w 2425819"/>
                  <a:gd name="connsiteY3" fmla="*/ 0 h 2425819"/>
                  <a:gd name="connsiteX4" fmla="*/ 2425820 w 2425819"/>
                  <a:gd name="connsiteY4" fmla="*/ 1212910 h 242581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425819" h="2425819">
                    <a:moveTo>
                      <a:pt x="2425820" y="1212910"/>
                    </a:moveTo>
                    <a:cubicBezTo>
                      <a:pt x="2425820" y="1882781"/>
                      <a:pt x="1882782" y="2425820"/>
                      <a:pt x="1212910" y="2425820"/>
                    </a:cubicBezTo>
                    <a:cubicBezTo>
                      <a:pt x="543038" y="2425820"/>
                      <a:pt x="0" y="1882781"/>
                      <a:pt x="0" y="1212910"/>
                    </a:cubicBezTo>
                    <a:cubicBezTo>
                      <a:pt x="0" y="543038"/>
                      <a:pt x="543038" y="0"/>
                      <a:pt x="1212910" y="0"/>
                    </a:cubicBezTo>
                    <a:cubicBezTo>
                      <a:pt x="1882782" y="0"/>
                      <a:pt x="2425820" y="543038"/>
                      <a:pt x="2425820" y="1212910"/>
                    </a:cubicBezTo>
                    <a:close/>
                  </a:path>
                </a:pathLst>
              </a:custGeom>
              <a:grpFill/>
              <a:ln w="12700"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30" name="Freeform: Shape 29">
                <a:extLst>
                  <a:ext uri="{FF2B5EF4-FFF2-40B4-BE49-F238E27FC236}">
                    <a16:creationId xmlns:a16="http://schemas.microsoft.com/office/drawing/2014/main" id="{E223BEC0-CD64-0902-7E4B-F78669DD9088}"/>
                  </a:ext>
                </a:extLst>
              </p:cNvPr>
              <p:cNvSpPr/>
              <p:nvPr/>
            </p:nvSpPr>
            <p:spPr>
              <a:xfrm>
                <a:off x="2243386" y="3208950"/>
                <a:ext cx="1351223" cy="2425819"/>
              </a:xfrm>
              <a:custGeom>
                <a:avLst/>
                <a:gdLst>
                  <a:gd name="connsiteX0" fmla="*/ 1351224 w 1351223"/>
                  <a:gd name="connsiteY0" fmla="*/ 1212910 h 2425819"/>
                  <a:gd name="connsiteX1" fmla="*/ 675612 w 1351223"/>
                  <a:gd name="connsiteY1" fmla="*/ 2425820 h 2425819"/>
                  <a:gd name="connsiteX2" fmla="*/ 0 w 1351223"/>
                  <a:gd name="connsiteY2" fmla="*/ 1212910 h 2425819"/>
                  <a:gd name="connsiteX3" fmla="*/ 675612 w 1351223"/>
                  <a:gd name="connsiteY3" fmla="*/ 0 h 2425819"/>
                  <a:gd name="connsiteX4" fmla="*/ 1351224 w 1351223"/>
                  <a:gd name="connsiteY4" fmla="*/ 1212910 h 242581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351223" h="2425819">
                    <a:moveTo>
                      <a:pt x="1351224" y="1212910"/>
                    </a:moveTo>
                    <a:cubicBezTo>
                      <a:pt x="1351224" y="1882781"/>
                      <a:pt x="1048742" y="2425820"/>
                      <a:pt x="675612" y="2425820"/>
                    </a:cubicBezTo>
                    <a:cubicBezTo>
                      <a:pt x="302482" y="2425820"/>
                      <a:pt x="0" y="1882781"/>
                      <a:pt x="0" y="1212910"/>
                    </a:cubicBezTo>
                    <a:cubicBezTo>
                      <a:pt x="0" y="543038"/>
                      <a:pt x="302482" y="0"/>
                      <a:pt x="675612" y="0"/>
                    </a:cubicBezTo>
                    <a:cubicBezTo>
                      <a:pt x="1048742" y="0"/>
                      <a:pt x="1351224" y="543038"/>
                      <a:pt x="1351224" y="1212910"/>
                    </a:cubicBezTo>
                    <a:close/>
                  </a:path>
                </a:pathLst>
              </a:custGeom>
              <a:grpFill/>
              <a:ln w="12700"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31" name="Freeform: Shape 30">
                <a:extLst>
                  <a:ext uri="{FF2B5EF4-FFF2-40B4-BE49-F238E27FC236}">
                    <a16:creationId xmlns:a16="http://schemas.microsoft.com/office/drawing/2014/main" id="{D0348155-AFF2-0149-0D45-776E0240ADD4}"/>
                  </a:ext>
                </a:extLst>
              </p:cNvPr>
              <p:cNvSpPr/>
              <p:nvPr/>
            </p:nvSpPr>
            <p:spPr>
              <a:xfrm>
                <a:off x="1706088" y="3746248"/>
                <a:ext cx="2425819" cy="1351223"/>
              </a:xfrm>
              <a:custGeom>
                <a:avLst/>
                <a:gdLst>
                  <a:gd name="connsiteX0" fmla="*/ 2425820 w 2425819"/>
                  <a:gd name="connsiteY0" fmla="*/ 675612 h 1351223"/>
                  <a:gd name="connsiteX1" fmla="*/ 1212910 w 2425819"/>
                  <a:gd name="connsiteY1" fmla="*/ 1351224 h 1351223"/>
                  <a:gd name="connsiteX2" fmla="*/ 0 w 2425819"/>
                  <a:gd name="connsiteY2" fmla="*/ 675612 h 1351223"/>
                  <a:gd name="connsiteX3" fmla="*/ 1212910 w 2425819"/>
                  <a:gd name="connsiteY3" fmla="*/ 0 h 1351223"/>
                  <a:gd name="connsiteX4" fmla="*/ 2425820 w 2425819"/>
                  <a:gd name="connsiteY4" fmla="*/ 675612 h 13512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425819" h="1351223">
                    <a:moveTo>
                      <a:pt x="2425820" y="675612"/>
                    </a:moveTo>
                    <a:cubicBezTo>
                      <a:pt x="2425820" y="1048742"/>
                      <a:pt x="1882782" y="1351224"/>
                      <a:pt x="1212910" y="1351224"/>
                    </a:cubicBezTo>
                    <a:cubicBezTo>
                      <a:pt x="543038" y="1351224"/>
                      <a:pt x="0" y="1048742"/>
                      <a:pt x="0" y="675612"/>
                    </a:cubicBezTo>
                    <a:cubicBezTo>
                      <a:pt x="0" y="302482"/>
                      <a:pt x="543038" y="0"/>
                      <a:pt x="1212910" y="0"/>
                    </a:cubicBezTo>
                    <a:cubicBezTo>
                      <a:pt x="1882782" y="0"/>
                      <a:pt x="2425820" y="302482"/>
                      <a:pt x="2425820" y="675612"/>
                    </a:cubicBezTo>
                    <a:close/>
                  </a:path>
                </a:pathLst>
              </a:custGeom>
              <a:grpFill/>
              <a:ln w="12700"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nvGrpSpPr>
              <p:cNvPr id="33" name="Graphic 30">
                <a:extLst>
                  <a:ext uri="{FF2B5EF4-FFF2-40B4-BE49-F238E27FC236}">
                    <a16:creationId xmlns:a16="http://schemas.microsoft.com/office/drawing/2014/main" id="{B5624E55-1245-3CF2-19EE-4BA4C6B46631}"/>
                  </a:ext>
                </a:extLst>
              </p:cNvPr>
              <p:cNvGrpSpPr/>
              <p:nvPr/>
            </p:nvGrpSpPr>
            <p:grpSpPr>
              <a:xfrm>
                <a:off x="2483547" y="4151035"/>
                <a:ext cx="954053" cy="472509"/>
                <a:chOff x="2483547" y="4151035"/>
                <a:chExt cx="954053" cy="472509"/>
              </a:xfrm>
              <a:grpFill/>
            </p:grpSpPr>
            <p:grpSp>
              <p:nvGrpSpPr>
                <p:cNvPr id="34" name="Graphic 30">
                  <a:extLst>
                    <a:ext uri="{FF2B5EF4-FFF2-40B4-BE49-F238E27FC236}">
                      <a16:creationId xmlns:a16="http://schemas.microsoft.com/office/drawing/2014/main" id="{30C07D60-DEE2-9AD9-23C3-691879E7A105}"/>
                    </a:ext>
                  </a:extLst>
                </p:cNvPr>
                <p:cNvGrpSpPr/>
                <p:nvPr/>
              </p:nvGrpSpPr>
              <p:grpSpPr>
                <a:xfrm>
                  <a:off x="2483547" y="4220044"/>
                  <a:ext cx="870867" cy="403500"/>
                  <a:chOff x="2483547" y="4220044"/>
                  <a:chExt cx="870867" cy="403500"/>
                </a:xfrm>
                <a:grpFill/>
              </p:grpSpPr>
              <p:sp>
                <p:nvSpPr>
                  <p:cNvPr id="36" name="Freeform: Shape 35">
                    <a:extLst>
                      <a:ext uri="{FF2B5EF4-FFF2-40B4-BE49-F238E27FC236}">
                        <a16:creationId xmlns:a16="http://schemas.microsoft.com/office/drawing/2014/main" id="{225F3B5F-16A8-5240-1AD4-534670B93C87}"/>
                      </a:ext>
                    </a:extLst>
                  </p:cNvPr>
                  <p:cNvSpPr/>
                  <p:nvPr/>
                </p:nvSpPr>
                <p:spPr>
                  <a:xfrm>
                    <a:off x="2483547" y="4220044"/>
                    <a:ext cx="258592" cy="403500"/>
                  </a:xfrm>
                  <a:custGeom>
                    <a:avLst/>
                    <a:gdLst>
                      <a:gd name="connsiteX0" fmla="*/ 66 w 258592"/>
                      <a:gd name="connsiteY0" fmla="*/ 292322 h 403500"/>
                      <a:gd name="connsiteX1" fmla="*/ 48534 w 258592"/>
                      <a:gd name="connsiteY1" fmla="*/ 285860 h 403500"/>
                      <a:gd name="connsiteX2" fmla="*/ 76955 w 258592"/>
                      <a:gd name="connsiteY2" fmla="*/ 345241 h 403500"/>
                      <a:gd name="connsiteX3" fmla="*/ 125851 w 258592"/>
                      <a:gd name="connsiteY3" fmla="*/ 363408 h 403500"/>
                      <a:gd name="connsiteX4" fmla="*/ 183616 w 258592"/>
                      <a:gd name="connsiteY4" fmla="*/ 339702 h 403500"/>
                      <a:gd name="connsiteX5" fmla="*/ 207191 w 258592"/>
                      <a:gd name="connsiteY5" fmla="*/ 280980 h 403500"/>
                      <a:gd name="connsiteX6" fmla="*/ 185364 w 258592"/>
                      <a:gd name="connsiteY6" fmla="*/ 225885 h 403500"/>
                      <a:gd name="connsiteX7" fmla="*/ 129873 w 258592"/>
                      <a:gd name="connsiteY7" fmla="*/ 204190 h 403500"/>
                      <a:gd name="connsiteX8" fmla="*/ 95682 w 258592"/>
                      <a:gd name="connsiteY8" fmla="*/ 209564 h 403500"/>
                      <a:gd name="connsiteX9" fmla="*/ 101057 w 258592"/>
                      <a:gd name="connsiteY9" fmla="*/ 166999 h 403500"/>
                      <a:gd name="connsiteX10" fmla="*/ 108871 w 258592"/>
                      <a:gd name="connsiteY10" fmla="*/ 167526 h 403500"/>
                      <a:gd name="connsiteX11" fmla="*/ 164625 w 258592"/>
                      <a:gd name="connsiteY11" fmla="*/ 151370 h 403500"/>
                      <a:gd name="connsiteX12" fmla="*/ 189419 w 258592"/>
                      <a:gd name="connsiteY12" fmla="*/ 101551 h 403500"/>
                      <a:gd name="connsiteX13" fmla="*/ 171384 w 258592"/>
                      <a:gd name="connsiteY13" fmla="*/ 57369 h 403500"/>
                      <a:gd name="connsiteX14" fmla="*/ 124796 w 258592"/>
                      <a:gd name="connsiteY14" fmla="*/ 39862 h 403500"/>
                      <a:gd name="connsiteX15" fmla="*/ 77647 w 258592"/>
                      <a:gd name="connsiteY15" fmla="*/ 57634 h 403500"/>
                      <a:gd name="connsiteX16" fmla="*/ 53413 w 258592"/>
                      <a:gd name="connsiteY16" fmla="*/ 110981 h 403500"/>
                      <a:gd name="connsiteX17" fmla="*/ 4946 w 258592"/>
                      <a:gd name="connsiteY17" fmla="*/ 102375 h 403500"/>
                      <a:gd name="connsiteX18" fmla="*/ 45335 w 258592"/>
                      <a:gd name="connsiteY18" fmla="*/ 26806 h 403500"/>
                      <a:gd name="connsiteX19" fmla="*/ 123708 w 258592"/>
                      <a:gd name="connsiteY19" fmla="*/ 0 h 403500"/>
                      <a:gd name="connsiteX20" fmla="*/ 183221 w 258592"/>
                      <a:gd name="connsiteY20" fmla="*/ 13881 h 403500"/>
                      <a:gd name="connsiteX21" fmla="*/ 224830 w 258592"/>
                      <a:gd name="connsiteY21" fmla="*/ 51732 h 403500"/>
                      <a:gd name="connsiteX22" fmla="*/ 239239 w 258592"/>
                      <a:gd name="connsiteY22" fmla="*/ 102639 h 403500"/>
                      <a:gd name="connsiteX23" fmla="*/ 225490 w 258592"/>
                      <a:gd name="connsiteY23" fmla="*/ 149227 h 403500"/>
                      <a:gd name="connsiteX24" fmla="*/ 184803 w 258592"/>
                      <a:gd name="connsiteY24" fmla="*/ 182627 h 403500"/>
                      <a:gd name="connsiteX25" fmla="*/ 239206 w 258592"/>
                      <a:gd name="connsiteY25" fmla="*/ 216159 h 403500"/>
                      <a:gd name="connsiteX26" fmla="*/ 258593 w 258592"/>
                      <a:gd name="connsiteY26" fmla="*/ 279859 h 403500"/>
                      <a:gd name="connsiteX27" fmla="*/ 220874 w 258592"/>
                      <a:gd name="connsiteY27" fmla="*/ 367529 h 403500"/>
                      <a:gd name="connsiteX28" fmla="*/ 125521 w 258592"/>
                      <a:gd name="connsiteY28" fmla="*/ 403501 h 403500"/>
                      <a:gd name="connsiteX29" fmla="*/ 39203 w 258592"/>
                      <a:gd name="connsiteY29" fmla="*/ 372541 h 403500"/>
                      <a:gd name="connsiteX30" fmla="*/ 0 w 258592"/>
                      <a:gd name="connsiteY30" fmla="*/ 292289 h 4035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Lst>
                    <a:rect l="l" t="t" r="r" b="b"/>
                    <a:pathLst>
                      <a:path w="258592" h="403500">
                        <a:moveTo>
                          <a:pt x="66" y="292322"/>
                        </a:moveTo>
                        <a:lnTo>
                          <a:pt x="48534" y="285860"/>
                        </a:lnTo>
                        <a:cubicBezTo>
                          <a:pt x="54106" y="313325"/>
                          <a:pt x="63568" y="333140"/>
                          <a:pt x="76955" y="345241"/>
                        </a:cubicBezTo>
                        <a:cubicBezTo>
                          <a:pt x="90341" y="357374"/>
                          <a:pt x="106629" y="363408"/>
                          <a:pt x="125851" y="363408"/>
                        </a:cubicBezTo>
                        <a:cubicBezTo>
                          <a:pt x="148667" y="363408"/>
                          <a:pt x="167922" y="355495"/>
                          <a:pt x="183616" y="339702"/>
                        </a:cubicBezTo>
                        <a:cubicBezTo>
                          <a:pt x="199311" y="323909"/>
                          <a:pt x="207191" y="304324"/>
                          <a:pt x="207191" y="280980"/>
                        </a:cubicBezTo>
                        <a:cubicBezTo>
                          <a:pt x="207191" y="257637"/>
                          <a:pt x="199904" y="240359"/>
                          <a:pt x="185364" y="225885"/>
                        </a:cubicBezTo>
                        <a:cubicBezTo>
                          <a:pt x="170824" y="211444"/>
                          <a:pt x="152327" y="204190"/>
                          <a:pt x="129873" y="204190"/>
                        </a:cubicBezTo>
                        <a:cubicBezTo>
                          <a:pt x="120707" y="204190"/>
                          <a:pt x="109299" y="206004"/>
                          <a:pt x="95682" y="209564"/>
                        </a:cubicBezTo>
                        <a:lnTo>
                          <a:pt x="101057" y="166999"/>
                        </a:lnTo>
                        <a:cubicBezTo>
                          <a:pt x="104288" y="167362"/>
                          <a:pt x="106893" y="167526"/>
                          <a:pt x="108871" y="167526"/>
                        </a:cubicBezTo>
                        <a:cubicBezTo>
                          <a:pt x="129511" y="167526"/>
                          <a:pt x="148106" y="162152"/>
                          <a:pt x="164625" y="151370"/>
                        </a:cubicBezTo>
                        <a:cubicBezTo>
                          <a:pt x="181144" y="140589"/>
                          <a:pt x="189419" y="124004"/>
                          <a:pt x="189419" y="101551"/>
                        </a:cubicBezTo>
                        <a:cubicBezTo>
                          <a:pt x="189419" y="83779"/>
                          <a:pt x="183386" y="69041"/>
                          <a:pt x="171384" y="57369"/>
                        </a:cubicBezTo>
                        <a:cubicBezTo>
                          <a:pt x="159350" y="45698"/>
                          <a:pt x="143820" y="39862"/>
                          <a:pt x="124796" y="39862"/>
                        </a:cubicBezTo>
                        <a:cubicBezTo>
                          <a:pt x="105772" y="39862"/>
                          <a:pt x="90242" y="45797"/>
                          <a:pt x="77647" y="57634"/>
                        </a:cubicBezTo>
                        <a:cubicBezTo>
                          <a:pt x="65085" y="69470"/>
                          <a:pt x="57007" y="87275"/>
                          <a:pt x="53413" y="110981"/>
                        </a:cubicBezTo>
                        <a:lnTo>
                          <a:pt x="4946" y="102375"/>
                        </a:lnTo>
                        <a:cubicBezTo>
                          <a:pt x="10881" y="69866"/>
                          <a:pt x="24333" y="44709"/>
                          <a:pt x="45335" y="26806"/>
                        </a:cubicBezTo>
                        <a:cubicBezTo>
                          <a:pt x="66338" y="8935"/>
                          <a:pt x="92484" y="0"/>
                          <a:pt x="123708" y="0"/>
                        </a:cubicBezTo>
                        <a:cubicBezTo>
                          <a:pt x="145271" y="0"/>
                          <a:pt x="165087" y="4616"/>
                          <a:pt x="183221" y="13881"/>
                        </a:cubicBezTo>
                        <a:cubicBezTo>
                          <a:pt x="201355" y="23145"/>
                          <a:pt x="215236" y="35741"/>
                          <a:pt x="224830" y="51732"/>
                        </a:cubicBezTo>
                        <a:cubicBezTo>
                          <a:pt x="234425" y="67722"/>
                          <a:pt x="239239" y="84670"/>
                          <a:pt x="239239" y="102639"/>
                        </a:cubicBezTo>
                        <a:cubicBezTo>
                          <a:pt x="239239" y="120608"/>
                          <a:pt x="234656" y="135215"/>
                          <a:pt x="225490" y="149227"/>
                        </a:cubicBezTo>
                        <a:cubicBezTo>
                          <a:pt x="216324" y="163240"/>
                          <a:pt x="202773" y="174384"/>
                          <a:pt x="184803" y="182627"/>
                        </a:cubicBezTo>
                        <a:cubicBezTo>
                          <a:pt x="208147" y="188001"/>
                          <a:pt x="226281" y="199178"/>
                          <a:pt x="239206" y="216159"/>
                        </a:cubicBezTo>
                        <a:cubicBezTo>
                          <a:pt x="252130" y="233139"/>
                          <a:pt x="258593" y="254372"/>
                          <a:pt x="258593" y="279859"/>
                        </a:cubicBezTo>
                        <a:cubicBezTo>
                          <a:pt x="258593" y="314347"/>
                          <a:pt x="246031" y="343559"/>
                          <a:pt x="220874" y="367529"/>
                        </a:cubicBezTo>
                        <a:cubicBezTo>
                          <a:pt x="195717" y="391499"/>
                          <a:pt x="163966" y="403501"/>
                          <a:pt x="125521" y="403501"/>
                        </a:cubicBezTo>
                        <a:cubicBezTo>
                          <a:pt x="90869" y="403501"/>
                          <a:pt x="62085" y="393181"/>
                          <a:pt x="39203" y="372541"/>
                        </a:cubicBezTo>
                        <a:cubicBezTo>
                          <a:pt x="16321" y="351901"/>
                          <a:pt x="3231" y="325129"/>
                          <a:pt x="0" y="292289"/>
                        </a:cubicBezTo>
                        <a:close/>
                      </a:path>
                    </a:pathLst>
                  </a:custGeom>
                  <a:solidFill>
                    <a:schemeClr val="tx1"/>
                  </a:solidFill>
                  <a:ln w="317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37" name="Freeform: Shape 36">
                    <a:extLst>
                      <a:ext uri="{FF2B5EF4-FFF2-40B4-BE49-F238E27FC236}">
                        <a16:creationId xmlns:a16="http://schemas.microsoft.com/office/drawing/2014/main" id="{D980B029-835B-0849-A338-725C48FF6477}"/>
                      </a:ext>
                    </a:extLst>
                  </p:cNvPr>
                  <p:cNvSpPr/>
                  <p:nvPr/>
                </p:nvSpPr>
                <p:spPr>
                  <a:xfrm>
                    <a:off x="2787937" y="4220109"/>
                    <a:ext cx="260735" cy="403204"/>
                  </a:xfrm>
                  <a:custGeom>
                    <a:avLst/>
                    <a:gdLst>
                      <a:gd name="connsiteX0" fmla="*/ 253779 w 260735"/>
                      <a:gd name="connsiteY0" fmla="*/ 98320 h 403204"/>
                      <a:gd name="connsiteX1" fmla="*/ 205575 w 260735"/>
                      <a:gd name="connsiteY1" fmla="*/ 102079 h 403204"/>
                      <a:gd name="connsiteX2" fmla="*/ 187243 w 260735"/>
                      <a:gd name="connsiteY2" fmla="*/ 60601 h 403204"/>
                      <a:gd name="connsiteX3" fmla="*/ 138776 w 260735"/>
                      <a:gd name="connsiteY3" fmla="*/ 39862 h 403204"/>
                      <a:gd name="connsiteX4" fmla="*/ 98089 w 260735"/>
                      <a:gd name="connsiteY4" fmla="*/ 52787 h 403204"/>
                      <a:gd name="connsiteX5" fmla="*/ 61986 w 260735"/>
                      <a:gd name="connsiteY5" fmla="*/ 101551 h 403204"/>
                      <a:gd name="connsiteX6" fmla="*/ 48237 w 260735"/>
                      <a:gd name="connsiteY6" fmla="*/ 192849 h 403204"/>
                      <a:gd name="connsiteX7" fmla="*/ 91066 w 260735"/>
                      <a:gd name="connsiteY7" fmla="*/ 153250 h 403204"/>
                      <a:gd name="connsiteX8" fmla="*/ 144117 w 260735"/>
                      <a:gd name="connsiteY8" fmla="*/ 140325 h 403204"/>
                      <a:gd name="connsiteX9" fmla="*/ 226677 w 260735"/>
                      <a:gd name="connsiteY9" fmla="*/ 176000 h 403204"/>
                      <a:gd name="connsiteX10" fmla="*/ 260736 w 260735"/>
                      <a:gd name="connsiteY10" fmla="*/ 268254 h 403204"/>
                      <a:gd name="connsiteX11" fmla="*/ 244712 w 260735"/>
                      <a:gd name="connsiteY11" fmla="*/ 337328 h 403204"/>
                      <a:gd name="connsiteX12" fmla="*/ 200662 w 260735"/>
                      <a:gd name="connsiteY12" fmla="*/ 386224 h 403204"/>
                      <a:gd name="connsiteX13" fmla="*/ 137094 w 260735"/>
                      <a:gd name="connsiteY13" fmla="*/ 403204 h 403204"/>
                      <a:gd name="connsiteX14" fmla="*/ 38247 w 260735"/>
                      <a:gd name="connsiteY14" fmla="*/ 358627 h 403204"/>
                      <a:gd name="connsiteX15" fmla="*/ 0 w 260735"/>
                      <a:gd name="connsiteY15" fmla="*/ 211708 h 403204"/>
                      <a:gd name="connsiteX16" fmla="*/ 42302 w 260735"/>
                      <a:gd name="connsiteY16" fmla="*/ 45237 h 403204"/>
                      <a:gd name="connsiteX17" fmla="*/ 141677 w 260735"/>
                      <a:gd name="connsiteY17" fmla="*/ 0 h 403204"/>
                      <a:gd name="connsiteX18" fmla="*/ 218038 w 260735"/>
                      <a:gd name="connsiteY18" fmla="*/ 26113 h 403204"/>
                      <a:gd name="connsiteX19" fmla="*/ 253713 w 260735"/>
                      <a:gd name="connsiteY19" fmla="*/ 98287 h 403204"/>
                      <a:gd name="connsiteX20" fmla="*/ 55787 w 260735"/>
                      <a:gd name="connsiteY20" fmla="*/ 268550 h 403204"/>
                      <a:gd name="connsiteX21" fmla="*/ 66437 w 260735"/>
                      <a:gd name="connsiteY21" fmla="*/ 316490 h 403204"/>
                      <a:gd name="connsiteX22" fmla="*/ 96210 w 260735"/>
                      <a:gd name="connsiteY22" fmla="*/ 351374 h 403204"/>
                      <a:gd name="connsiteX23" fmla="*/ 136336 w 260735"/>
                      <a:gd name="connsiteY23" fmla="*/ 363375 h 403204"/>
                      <a:gd name="connsiteX24" fmla="*/ 189122 w 260735"/>
                      <a:gd name="connsiteY24" fmla="*/ 338581 h 403204"/>
                      <a:gd name="connsiteX25" fmla="*/ 211213 w 260735"/>
                      <a:gd name="connsiteY25" fmla="*/ 271254 h 403204"/>
                      <a:gd name="connsiteX26" fmla="*/ 189386 w 260735"/>
                      <a:gd name="connsiteY26" fmla="*/ 206729 h 403204"/>
                      <a:gd name="connsiteX27" fmla="*/ 134423 w 260735"/>
                      <a:gd name="connsiteY27" fmla="*/ 183155 h 403204"/>
                      <a:gd name="connsiteX28" fmla="*/ 78669 w 260735"/>
                      <a:gd name="connsiteY28" fmla="*/ 206729 h 403204"/>
                      <a:gd name="connsiteX29" fmla="*/ 55787 w 260735"/>
                      <a:gd name="connsiteY29" fmla="*/ 268550 h 4032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260735" h="403204">
                        <a:moveTo>
                          <a:pt x="253779" y="98320"/>
                        </a:moveTo>
                        <a:lnTo>
                          <a:pt x="205575" y="102079"/>
                        </a:lnTo>
                        <a:cubicBezTo>
                          <a:pt x="201256" y="83055"/>
                          <a:pt x="195156" y="69207"/>
                          <a:pt x="187243" y="60601"/>
                        </a:cubicBezTo>
                        <a:cubicBezTo>
                          <a:pt x="174121" y="46786"/>
                          <a:pt x="157965" y="39862"/>
                          <a:pt x="138776" y="39862"/>
                        </a:cubicBezTo>
                        <a:cubicBezTo>
                          <a:pt x="123345" y="39862"/>
                          <a:pt x="109761" y="44181"/>
                          <a:pt x="98089" y="52787"/>
                        </a:cubicBezTo>
                        <a:cubicBezTo>
                          <a:pt x="82824" y="63931"/>
                          <a:pt x="70789" y="80186"/>
                          <a:pt x="61986" y="101551"/>
                        </a:cubicBezTo>
                        <a:cubicBezTo>
                          <a:pt x="53182" y="122917"/>
                          <a:pt x="48600" y="153349"/>
                          <a:pt x="48237" y="192849"/>
                        </a:cubicBezTo>
                        <a:cubicBezTo>
                          <a:pt x="59909" y="175077"/>
                          <a:pt x="74185" y="161889"/>
                          <a:pt x="91066" y="153250"/>
                        </a:cubicBezTo>
                        <a:cubicBezTo>
                          <a:pt x="107948" y="144645"/>
                          <a:pt x="125620" y="140325"/>
                          <a:pt x="144117" y="140325"/>
                        </a:cubicBezTo>
                        <a:cubicBezTo>
                          <a:pt x="176429" y="140325"/>
                          <a:pt x="203960" y="152228"/>
                          <a:pt x="226677" y="176000"/>
                        </a:cubicBezTo>
                        <a:cubicBezTo>
                          <a:pt x="249394" y="199806"/>
                          <a:pt x="260736" y="230534"/>
                          <a:pt x="260736" y="268254"/>
                        </a:cubicBezTo>
                        <a:cubicBezTo>
                          <a:pt x="260736" y="293048"/>
                          <a:pt x="255395" y="316062"/>
                          <a:pt x="244712" y="337328"/>
                        </a:cubicBezTo>
                        <a:cubicBezTo>
                          <a:pt x="234029" y="358594"/>
                          <a:pt x="219357" y="374915"/>
                          <a:pt x="200662" y="386224"/>
                        </a:cubicBezTo>
                        <a:cubicBezTo>
                          <a:pt x="182001" y="397533"/>
                          <a:pt x="160800" y="403204"/>
                          <a:pt x="137094" y="403204"/>
                        </a:cubicBezTo>
                        <a:cubicBezTo>
                          <a:pt x="96704" y="403204"/>
                          <a:pt x="63733" y="388334"/>
                          <a:pt x="38247" y="358627"/>
                        </a:cubicBezTo>
                        <a:cubicBezTo>
                          <a:pt x="12760" y="328920"/>
                          <a:pt x="0" y="279925"/>
                          <a:pt x="0" y="211708"/>
                        </a:cubicBezTo>
                        <a:cubicBezTo>
                          <a:pt x="0" y="135380"/>
                          <a:pt x="14079" y="79922"/>
                          <a:pt x="42302" y="45237"/>
                        </a:cubicBezTo>
                        <a:cubicBezTo>
                          <a:pt x="66899" y="15068"/>
                          <a:pt x="100034" y="0"/>
                          <a:pt x="141677" y="0"/>
                        </a:cubicBezTo>
                        <a:cubicBezTo>
                          <a:pt x="172736" y="0"/>
                          <a:pt x="198190" y="8704"/>
                          <a:pt x="218038" y="26113"/>
                        </a:cubicBezTo>
                        <a:cubicBezTo>
                          <a:pt x="237887" y="43522"/>
                          <a:pt x="249790" y="67591"/>
                          <a:pt x="253713" y="98287"/>
                        </a:cubicBezTo>
                        <a:close/>
                        <a:moveTo>
                          <a:pt x="55787" y="268550"/>
                        </a:moveTo>
                        <a:cubicBezTo>
                          <a:pt x="55787" y="285233"/>
                          <a:pt x="59315" y="301225"/>
                          <a:pt x="66437" y="316490"/>
                        </a:cubicBezTo>
                        <a:cubicBezTo>
                          <a:pt x="73526" y="331756"/>
                          <a:pt x="83450" y="343395"/>
                          <a:pt x="96210" y="351374"/>
                        </a:cubicBezTo>
                        <a:cubicBezTo>
                          <a:pt x="108970" y="359353"/>
                          <a:pt x="122323" y="363375"/>
                          <a:pt x="136336" y="363375"/>
                        </a:cubicBezTo>
                        <a:cubicBezTo>
                          <a:pt x="156811" y="363375"/>
                          <a:pt x="174417" y="355133"/>
                          <a:pt x="189122" y="338581"/>
                        </a:cubicBezTo>
                        <a:cubicBezTo>
                          <a:pt x="203828" y="322062"/>
                          <a:pt x="211213" y="299609"/>
                          <a:pt x="211213" y="271254"/>
                        </a:cubicBezTo>
                        <a:cubicBezTo>
                          <a:pt x="211213" y="242899"/>
                          <a:pt x="203927" y="222457"/>
                          <a:pt x="189386" y="206729"/>
                        </a:cubicBezTo>
                        <a:cubicBezTo>
                          <a:pt x="174846" y="191035"/>
                          <a:pt x="156514" y="183155"/>
                          <a:pt x="134423" y="183155"/>
                        </a:cubicBezTo>
                        <a:cubicBezTo>
                          <a:pt x="112333" y="183155"/>
                          <a:pt x="93935" y="191002"/>
                          <a:pt x="78669" y="206729"/>
                        </a:cubicBezTo>
                        <a:cubicBezTo>
                          <a:pt x="63404" y="222457"/>
                          <a:pt x="55787" y="243064"/>
                          <a:pt x="55787" y="268550"/>
                        </a:cubicBezTo>
                        <a:close/>
                      </a:path>
                    </a:pathLst>
                  </a:custGeom>
                  <a:solidFill>
                    <a:schemeClr val="tx1"/>
                  </a:solidFill>
                  <a:ln w="317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38" name="Freeform: Shape 37">
                    <a:extLst>
                      <a:ext uri="{FF2B5EF4-FFF2-40B4-BE49-F238E27FC236}">
                        <a16:creationId xmlns:a16="http://schemas.microsoft.com/office/drawing/2014/main" id="{03CB2DE3-C43D-7809-4BF7-F725FA4360C1}"/>
                      </a:ext>
                    </a:extLst>
                  </p:cNvPr>
                  <p:cNvSpPr/>
                  <p:nvPr/>
                </p:nvSpPr>
                <p:spPr>
                  <a:xfrm>
                    <a:off x="3096910" y="4220109"/>
                    <a:ext cx="257504" cy="403204"/>
                  </a:xfrm>
                  <a:custGeom>
                    <a:avLst/>
                    <a:gdLst>
                      <a:gd name="connsiteX0" fmla="*/ 0 w 257504"/>
                      <a:gd name="connsiteY0" fmla="*/ 201751 h 403204"/>
                      <a:gd name="connsiteX1" fmla="*/ 14408 w 257504"/>
                      <a:gd name="connsiteY1" fmla="*/ 89022 h 403204"/>
                      <a:gd name="connsiteX2" fmla="*/ 57238 w 257504"/>
                      <a:gd name="connsiteY2" fmla="*/ 23179 h 403204"/>
                      <a:gd name="connsiteX3" fmla="*/ 128752 w 257504"/>
                      <a:gd name="connsiteY3" fmla="*/ 0 h 403204"/>
                      <a:gd name="connsiteX4" fmla="*/ 184506 w 257504"/>
                      <a:gd name="connsiteY4" fmla="*/ 12793 h 403204"/>
                      <a:gd name="connsiteX5" fmla="*/ 224105 w 257504"/>
                      <a:gd name="connsiteY5" fmla="*/ 49688 h 403204"/>
                      <a:gd name="connsiteX6" fmla="*/ 248602 w 257504"/>
                      <a:gd name="connsiteY6" fmla="*/ 108409 h 403204"/>
                      <a:gd name="connsiteX7" fmla="*/ 257505 w 257504"/>
                      <a:gd name="connsiteY7" fmla="*/ 201751 h 403204"/>
                      <a:gd name="connsiteX8" fmla="*/ 243228 w 257504"/>
                      <a:gd name="connsiteY8" fmla="*/ 313919 h 403204"/>
                      <a:gd name="connsiteX9" fmla="*/ 200531 w 257504"/>
                      <a:gd name="connsiteY9" fmla="*/ 379894 h 403204"/>
                      <a:gd name="connsiteX10" fmla="*/ 128752 w 257504"/>
                      <a:gd name="connsiteY10" fmla="*/ 403204 h 403204"/>
                      <a:gd name="connsiteX11" fmla="*/ 39071 w 257504"/>
                      <a:gd name="connsiteY11" fmla="*/ 362254 h 403204"/>
                      <a:gd name="connsiteX12" fmla="*/ 0 w 257504"/>
                      <a:gd name="connsiteY12" fmla="*/ 201718 h 403204"/>
                      <a:gd name="connsiteX13" fmla="*/ 49852 w 257504"/>
                      <a:gd name="connsiteY13" fmla="*/ 201751 h 403204"/>
                      <a:gd name="connsiteX14" fmla="*/ 72602 w 257504"/>
                      <a:gd name="connsiteY14" fmla="*/ 331162 h 403204"/>
                      <a:gd name="connsiteX15" fmla="*/ 128752 w 257504"/>
                      <a:gd name="connsiteY15" fmla="*/ 363342 h 403204"/>
                      <a:gd name="connsiteX16" fmla="*/ 184902 w 257504"/>
                      <a:gd name="connsiteY16" fmla="*/ 331030 h 403204"/>
                      <a:gd name="connsiteX17" fmla="*/ 207652 w 257504"/>
                      <a:gd name="connsiteY17" fmla="*/ 201751 h 403204"/>
                      <a:gd name="connsiteX18" fmla="*/ 184902 w 257504"/>
                      <a:gd name="connsiteY18" fmla="*/ 72207 h 403204"/>
                      <a:gd name="connsiteX19" fmla="*/ 128192 w 257504"/>
                      <a:gd name="connsiteY19" fmla="*/ 40159 h 403204"/>
                      <a:gd name="connsiteX20" fmla="*/ 74845 w 257504"/>
                      <a:gd name="connsiteY20" fmla="*/ 68448 h 403204"/>
                      <a:gd name="connsiteX21" fmla="*/ 49786 w 257504"/>
                      <a:gd name="connsiteY21" fmla="*/ 201784 h 4032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Lst>
                    <a:rect l="l" t="t" r="r" b="b"/>
                    <a:pathLst>
                      <a:path w="257504" h="403204">
                        <a:moveTo>
                          <a:pt x="0" y="201751"/>
                        </a:moveTo>
                        <a:cubicBezTo>
                          <a:pt x="0" y="155063"/>
                          <a:pt x="4814" y="117476"/>
                          <a:pt x="14408" y="89022"/>
                        </a:cubicBezTo>
                        <a:cubicBezTo>
                          <a:pt x="24003" y="60568"/>
                          <a:pt x="38279" y="38609"/>
                          <a:pt x="57238" y="23179"/>
                        </a:cubicBezTo>
                        <a:cubicBezTo>
                          <a:pt x="76196" y="7749"/>
                          <a:pt x="100001" y="0"/>
                          <a:pt x="128752" y="0"/>
                        </a:cubicBezTo>
                        <a:cubicBezTo>
                          <a:pt x="149953" y="0"/>
                          <a:pt x="168516" y="4253"/>
                          <a:pt x="184506" y="12793"/>
                        </a:cubicBezTo>
                        <a:cubicBezTo>
                          <a:pt x="200498" y="21333"/>
                          <a:pt x="213686" y="33631"/>
                          <a:pt x="224105" y="49688"/>
                        </a:cubicBezTo>
                        <a:cubicBezTo>
                          <a:pt x="234524" y="65745"/>
                          <a:pt x="242701" y="85329"/>
                          <a:pt x="248602" y="108409"/>
                        </a:cubicBezTo>
                        <a:cubicBezTo>
                          <a:pt x="254537" y="131489"/>
                          <a:pt x="257505" y="162581"/>
                          <a:pt x="257505" y="201751"/>
                        </a:cubicBezTo>
                        <a:cubicBezTo>
                          <a:pt x="257505" y="248075"/>
                          <a:pt x="252757" y="285465"/>
                          <a:pt x="243228" y="313919"/>
                        </a:cubicBezTo>
                        <a:cubicBezTo>
                          <a:pt x="233700" y="342373"/>
                          <a:pt x="219489" y="364397"/>
                          <a:pt x="200531" y="379894"/>
                        </a:cubicBezTo>
                        <a:cubicBezTo>
                          <a:pt x="181572" y="395423"/>
                          <a:pt x="157668" y="403204"/>
                          <a:pt x="128752" y="403204"/>
                        </a:cubicBezTo>
                        <a:cubicBezTo>
                          <a:pt x="90671" y="403204"/>
                          <a:pt x="60799" y="389554"/>
                          <a:pt x="39071" y="362254"/>
                        </a:cubicBezTo>
                        <a:cubicBezTo>
                          <a:pt x="13024" y="329382"/>
                          <a:pt x="0" y="275903"/>
                          <a:pt x="0" y="201718"/>
                        </a:cubicBezTo>
                        <a:close/>
                        <a:moveTo>
                          <a:pt x="49852" y="201751"/>
                        </a:moveTo>
                        <a:cubicBezTo>
                          <a:pt x="49852" y="266572"/>
                          <a:pt x="57436" y="309731"/>
                          <a:pt x="72602" y="331162"/>
                        </a:cubicBezTo>
                        <a:cubicBezTo>
                          <a:pt x="87769" y="352627"/>
                          <a:pt x="106497" y="363342"/>
                          <a:pt x="128752" y="363342"/>
                        </a:cubicBezTo>
                        <a:cubicBezTo>
                          <a:pt x="151008" y="363342"/>
                          <a:pt x="169735" y="352561"/>
                          <a:pt x="184902" y="331030"/>
                        </a:cubicBezTo>
                        <a:cubicBezTo>
                          <a:pt x="200069" y="309468"/>
                          <a:pt x="207652" y="266374"/>
                          <a:pt x="207652" y="201751"/>
                        </a:cubicBezTo>
                        <a:cubicBezTo>
                          <a:pt x="207652" y="137127"/>
                          <a:pt x="200069" y="93572"/>
                          <a:pt x="184902" y="72207"/>
                        </a:cubicBezTo>
                        <a:cubicBezTo>
                          <a:pt x="169735" y="50842"/>
                          <a:pt x="150843" y="40159"/>
                          <a:pt x="128192" y="40159"/>
                        </a:cubicBezTo>
                        <a:cubicBezTo>
                          <a:pt x="105541" y="40159"/>
                          <a:pt x="88132" y="49589"/>
                          <a:pt x="74845" y="68448"/>
                        </a:cubicBezTo>
                        <a:cubicBezTo>
                          <a:pt x="58161" y="92517"/>
                          <a:pt x="49786" y="136962"/>
                          <a:pt x="49786" y="201784"/>
                        </a:cubicBezTo>
                        <a:close/>
                      </a:path>
                    </a:pathLst>
                  </a:custGeom>
                  <a:solidFill>
                    <a:schemeClr val="tx1"/>
                  </a:solidFill>
                  <a:ln w="317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sp>
              <p:nvSpPr>
                <p:cNvPr id="35" name="Freeform: Shape 34">
                  <a:extLst>
                    <a:ext uri="{FF2B5EF4-FFF2-40B4-BE49-F238E27FC236}">
                      <a16:creationId xmlns:a16="http://schemas.microsoft.com/office/drawing/2014/main" id="{AAEB1F69-07CB-1497-FD09-DA642E425851}"/>
                    </a:ext>
                  </a:extLst>
                </p:cNvPr>
                <p:cNvSpPr/>
                <p:nvPr/>
              </p:nvSpPr>
              <p:spPr>
                <a:xfrm>
                  <a:off x="3351150" y="4151035"/>
                  <a:ext cx="86450" cy="86450"/>
                </a:xfrm>
                <a:custGeom>
                  <a:avLst/>
                  <a:gdLst>
                    <a:gd name="connsiteX0" fmla="*/ 86450 w 86450"/>
                    <a:gd name="connsiteY0" fmla="*/ 43225 h 86450"/>
                    <a:gd name="connsiteX1" fmla="*/ 43225 w 86450"/>
                    <a:gd name="connsiteY1" fmla="*/ 86450 h 86450"/>
                    <a:gd name="connsiteX2" fmla="*/ 0 w 86450"/>
                    <a:gd name="connsiteY2" fmla="*/ 43225 h 86450"/>
                    <a:gd name="connsiteX3" fmla="*/ 43225 w 86450"/>
                    <a:gd name="connsiteY3" fmla="*/ 0 h 86450"/>
                    <a:gd name="connsiteX4" fmla="*/ 86450 w 86450"/>
                    <a:gd name="connsiteY4" fmla="*/ 43225 h 8645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6450" h="86450">
                      <a:moveTo>
                        <a:pt x="86450" y="43225"/>
                      </a:moveTo>
                      <a:cubicBezTo>
                        <a:pt x="86450" y="67098"/>
                        <a:pt x="67098" y="86450"/>
                        <a:pt x="43225" y="86450"/>
                      </a:cubicBezTo>
                      <a:cubicBezTo>
                        <a:pt x="19352" y="86450"/>
                        <a:pt x="0" y="67098"/>
                        <a:pt x="0" y="43225"/>
                      </a:cubicBezTo>
                      <a:cubicBezTo>
                        <a:pt x="0" y="19352"/>
                        <a:pt x="19353" y="0"/>
                        <a:pt x="43225" y="0"/>
                      </a:cubicBezTo>
                      <a:cubicBezTo>
                        <a:pt x="67098" y="0"/>
                        <a:pt x="86450" y="19352"/>
                        <a:pt x="86450" y="43225"/>
                      </a:cubicBezTo>
                      <a:close/>
                    </a:path>
                  </a:pathLst>
                </a:custGeom>
                <a:solidFill>
                  <a:schemeClr val="bg1"/>
                </a:solidFill>
                <a:ln w="317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grpSp>
        <p:grpSp>
          <p:nvGrpSpPr>
            <p:cNvPr id="39" name="Graphic 30">
              <a:extLst>
                <a:ext uri="{FF2B5EF4-FFF2-40B4-BE49-F238E27FC236}">
                  <a16:creationId xmlns:a16="http://schemas.microsoft.com/office/drawing/2014/main" id="{200BB910-ACE3-6353-337D-0724F39B1D5D}"/>
                </a:ext>
              </a:extLst>
            </p:cNvPr>
            <p:cNvGrpSpPr/>
            <p:nvPr/>
          </p:nvGrpSpPr>
          <p:grpSpPr>
            <a:xfrm>
              <a:off x="640448" y="4597764"/>
              <a:ext cx="341265" cy="296663"/>
              <a:chOff x="4536430" y="562916"/>
              <a:chExt cx="3561510" cy="3096024"/>
            </a:xfrm>
            <a:solidFill>
              <a:schemeClr val="bg1"/>
            </a:solidFill>
          </p:grpSpPr>
          <p:sp>
            <p:nvSpPr>
              <p:cNvPr id="40" name="Freeform: Shape 39">
                <a:extLst>
                  <a:ext uri="{FF2B5EF4-FFF2-40B4-BE49-F238E27FC236}">
                    <a16:creationId xmlns:a16="http://schemas.microsoft.com/office/drawing/2014/main" id="{1D0686BE-F34A-C1F7-716E-494103233230}"/>
                  </a:ext>
                </a:extLst>
              </p:cNvPr>
              <p:cNvSpPr/>
              <p:nvPr/>
            </p:nvSpPr>
            <p:spPr>
              <a:xfrm>
                <a:off x="4536430" y="562916"/>
                <a:ext cx="3561510" cy="3096024"/>
              </a:xfrm>
              <a:custGeom>
                <a:avLst/>
                <a:gdLst>
                  <a:gd name="connsiteX0" fmla="*/ 3250297 w 3561510"/>
                  <a:gd name="connsiteY0" fmla="*/ 1408396 h 3096024"/>
                  <a:gd name="connsiteX1" fmla="*/ 3250297 w 3561510"/>
                  <a:gd name="connsiteY1" fmla="*/ 1347894 h 3096024"/>
                  <a:gd name="connsiteX2" fmla="*/ 3036874 w 3561510"/>
                  <a:gd name="connsiteY2" fmla="*/ 832621 h 3096024"/>
                  <a:gd name="connsiteX3" fmla="*/ 2587246 w 3561510"/>
                  <a:gd name="connsiteY3" fmla="*/ 622133 h 3096024"/>
                  <a:gd name="connsiteX4" fmla="*/ 2587246 w 3561510"/>
                  <a:gd name="connsiteY4" fmla="*/ 429614 h 3096024"/>
                  <a:gd name="connsiteX5" fmla="*/ 2705778 w 3561510"/>
                  <a:gd name="connsiteY5" fmla="*/ 229018 h 3096024"/>
                  <a:gd name="connsiteX6" fmla="*/ 2476760 w 3561510"/>
                  <a:gd name="connsiteY6" fmla="*/ 0 h 3096024"/>
                  <a:gd name="connsiteX7" fmla="*/ 2247743 w 3561510"/>
                  <a:gd name="connsiteY7" fmla="*/ 229018 h 3096024"/>
                  <a:gd name="connsiteX8" fmla="*/ 2366637 w 3561510"/>
                  <a:gd name="connsiteY8" fmla="*/ 429845 h 3096024"/>
                  <a:gd name="connsiteX9" fmla="*/ 2366637 w 3561510"/>
                  <a:gd name="connsiteY9" fmla="*/ 619198 h 3096024"/>
                  <a:gd name="connsiteX10" fmla="*/ 1025304 w 3561510"/>
                  <a:gd name="connsiteY10" fmla="*/ 619198 h 3096024"/>
                  <a:gd name="connsiteX11" fmla="*/ 510031 w 3561510"/>
                  <a:gd name="connsiteY11" fmla="*/ 832621 h 3096024"/>
                  <a:gd name="connsiteX12" fmla="*/ 296608 w 3561510"/>
                  <a:gd name="connsiteY12" fmla="*/ 1347894 h 3096024"/>
                  <a:gd name="connsiteX13" fmla="*/ 296608 w 3561510"/>
                  <a:gd name="connsiteY13" fmla="*/ 1401835 h 3096024"/>
                  <a:gd name="connsiteX14" fmla="*/ 0 w 3561510"/>
                  <a:gd name="connsiteY14" fmla="*/ 1737481 h 3096024"/>
                  <a:gd name="connsiteX15" fmla="*/ 296608 w 3561510"/>
                  <a:gd name="connsiteY15" fmla="*/ 2073127 h 3096024"/>
                  <a:gd name="connsiteX16" fmla="*/ 296608 w 3561510"/>
                  <a:gd name="connsiteY16" fmla="*/ 2993682 h 3096024"/>
                  <a:gd name="connsiteX17" fmla="*/ 342900 w 3561510"/>
                  <a:gd name="connsiteY17" fmla="*/ 3079308 h 3096024"/>
                  <a:gd name="connsiteX18" fmla="*/ 398951 w 3561510"/>
                  <a:gd name="connsiteY18" fmla="*/ 3096024 h 3096024"/>
                  <a:gd name="connsiteX19" fmla="*/ 439901 w 3561510"/>
                  <a:gd name="connsiteY19" fmla="*/ 3087452 h 3096024"/>
                  <a:gd name="connsiteX20" fmla="*/ 1013632 w 3561510"/>
                  <a:gd name="connsiteY20" fmla="*/ 2836772 h 3096024"/>
                  <a:gd name="connsiteX21" fmla="*/ 2521535 w 3561510"/>
                  <a:gd name="connsiteY21" fmla="*/ 2836772 h 3096024"/>
                  <a:gd name="connsiteX22" fmla="*/ 3036808 w 3561510"/>
                  <a:gd name="connsiteY22" fmla="*/ 2623350 h 3096024"/>
                  <a:gd name="connsiteX23" fmla="*/ 3250231 w 3561510"/>
                  <a:gd name="connsiteY23" fmla="*/ 2108077 h 3096024"/>
                  <a:gd name="connsiteX24" fmla="*/ 3250231 w 3561510"/>
                  <a:gd name="connsiteY24" fmla="*/ 2082656 h 3096024"/>
                  <a:gd name="connsiteX25" fmla="*/ 3561511 w 3561510"/>
                  <a:gd name="connsiteY25" fmla="*/ 1745526 h 3096024"/>
                  <a:gd name="connsiteX26" fmla="*/ 3250231 w 3561510"/>
                  <a:gd name="connsiteY26" fmla="*/ 1408396 h 3096024"/>
                  <a:gd name="connsiteX27" fmla="*/ 296641 w 3561510"/>
                  <a:gd name="connsiteY27" fmla="*/ 1864354 h 3096024"/>
                  <a:gd name="connsiteX28" fmla="*/ 204685 w 3561510"/>
                  <a:gd name="connsiteY28" fmla="*/ 1737481 h 3096024"/>
                  <a:gd name="connsiteX29" fmla="*/ 296641 w 3561510"/>
                  <a:gd name="connsiteY29" fmla="*/ 1610575 h 3096024"/>
                  <a:gd name="connsiteX30" fmla="*/ 296641 w 3561510"/>
                  <a:gd name="connsiteY30" fmla="*/ 1864354 h 3096024"/>
                  <a:gd name="connsiteX31" fmla="*/ 3045611 w 3561510"/>
                  <a:gd name="connsiteY31" fmla="*/ 2108044 h 3096024"/>
                  <a:gd name="connsiteX32" fmla="*/ 2521601 w 3561510"/>
                  <a:gd name="connsiteY32" fmla="*/ 2632054 h 3096024"/>
                  <a:gd name="connsiteX33" fmla="*/ 992333 w 3561510"/>
                  <a:gd name="connsiteY33" fmla="*/ 2632054 h 3096024"/>
                  <a:gd name="connsiteX34" fmla="*/ 951350 w 3561510"/>
                  <a:gd name="connsiteY34" fmla="*/ 2640627 h 3096024"/>
                  <a:gd name="connsiteX35" fmla="*/ 501327 w 3561510"/>
                  <a:gd name="connsiteY35" fmla="*/ 2837267 h 3096024"/>
                  <a:gd name="connsiteX36" fmla="*/ 501327 w 3561510"/>
                  <a:gd name="connsiteY36" fmla="*/ 1996997 h 3096024"/>
                  <a:gd name="connsiteX37" fmla="*/ 501360 w 3561510"/>
                  <a:gd name="connsiteY37" fmla="*/ 1957728 h 3096024"/>
                  <a:gd name="connsiteX38" fmla="*/ 501360 w 3561510"/>
                  <a:gd name="connsiteY38" fmla="*/ 1507507 h 3096024"/>
                  <a:gd name="connsiteX39" fmla="*/ 501327 w 3561510"/>
                  <a:gd name="connsiteY39" fmla="*/ 1477932 h 3096024"/>
                  <a:gd name="connsiteX40" fmla="*/ 501327 w 3561510"/>
                  <a:gd name="connsiteY40" fmla="*/ 1347894 h 3096024"/>
                  <a:gd name="connsiteX41" fmla="*/ 1025337 w 3561510"/>
                  <a:gd name="connsiteY41" fmla="*/ 823850 h 3096024"/>
                  <a:gd name="connsiteX42" fmla="*/ 2521568 w 3561510"/>
                  <a:gd name="connsiteY42" fmla="*/ 823850 h 3096024"/>
                  <a:gd name="connsiteX43" fmla="*/ 3045578 w 3561510"/>
                  <a:gd name="connsiteY43" fmla="*/ 1347894 h 3096024"/>
                  <a:gd name="connsiteX44" fmla="*/ 3045578 w 3561510"/>
                  <a:gd name="connsiteY44" fmla="*/ 2108077 h 3096024"/>
                  <a:gd name="connsiteX45" fmla="*/ 3258935 w 3561510"/>
                  <a:gd name="connsiteY45" fmla="*/ 1874245 h 3096024"/>
                  <a:gd name="connsiteX46" fmla="*/ 3258935 w 3561510"/>
                  <a:gd name="connsiteY46" fmla="*/ 1616806 h 3096024"/>
                  <a:gd name="connsiteX47" fmla="*/ 3356892 w 3561510"/>
                  <a:gd name="connsiteY47" fmla="*/ 1745526 h 3096024"/>
                  <a:gd name="connsiteX48" fmla="*/ 3258935 w 3561510"/>
                  <a:gd name="connsiteY48" fmla="*/ 1874245 h 30960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Lst>
                <a:rect l="l" t="t" r="r" b="b"/>
                <a:pathLst>
                  <a:path w="3561510" h="3096024">
                    <a:moveTo>
                      <a:pt x="3250297" y="1408396"/>
                    </a:moveTo>
                    <a:lnTo>
                      <a:pt x="3250297" y="1347894"/>
                    </a:lnTo>
                    <a:cubicBezTo>
                      <a:pt x="3250297" y="1153265"/>
                      <a:pt x="3174496" y="970275"/>
                      <a:pt x="3036874" y="832621"/>
                    </a:cubicBezTo>
                    <a:cubicBezTo>
                      <a:pt x="2914848" y="710594"/>
                      <a:pt x="2757114" y="637201"/>
                      <a:pt x="2587246" y="622133"/>
                    </a:cubicBezTo>
                    <a:lnTo>
                      <a:pt x="2587246" y="429614"/>
                    </a:lnTo>
                    <a:cubicBezTo>
                      <a:pt x="2657904" y="390609"/>
                      <a:pt x="2705778" y="315402"/>
                      <a:pt x="2705778" y="229018"/>
                    </a:cubicBezTo>
                    <a:cubicBezTo>
                      <a:pt x="2705778" y="102540"/>
                      <a:pt x="2603238" y="0"/>
                      <a:pt x="2476760" y="0"/>
                    </a:cubicBezTo>
                    <a:cubicBezTo>
                      <a:pt x="2350283" y="0"/>
                      <a:pt x="2247743" y="102540"/>
                      <a:pt x="2247743" y="229018"/>
                    </a:cubicBezTo>
                    <a:cubicBezTo>
                      <a:pt x="2247743" y="315567"/>
                      <a:pt x="2295782" y="390906"/>
                      <a:pt x="2366637" y="429845"/>
                    </a:cubicBezTo>
                    <a:lnTo>
                      <a:pt x="2366637" y="619198"/>
                    </a:lnTo>
                    <a:lnTo>
                      <a:pt x="1025304" y="619198"/>
                    </a:lnTo>
                    <a:cubicBezTo>
                      <a:pt x="830675" y="619198"/>
                      <a:pt x="647686" y="694999"/>
                      <a:pt x="510031" y="832621"/>
                    </a:cubicBezTo>
                    <a:cubicBezTo>
                      <a:pt x="372409" y="970242"/>
                      <a:pt x="296608" y="1153232"/>
                      <a:pt x="296608" y="1347894"/>
                    </a:cubicBezTo>
                    <a:lnTo>
                      <a:pt x="296608" y="1401835"/>
                    </a:lnTo>
                    <a:cubicBezTo>
                      <a:pt x="129675" y="1422409"/>
                      <a:pt x="0" y="1565075"/>
                      <a:pt x="0" y="1737481"/>
                    </a:cubicBezTo>
                    <a:cubicBezTo>
                      <a:pt x="0" y="1909887"/>
                      <a:pt x="129675" y="2052553"/>
                      <a:pt x="296608" y="2073127"/>
                    </a:cubicBezTo>
                    <a:lnTo>
                      <a:pt x="296608" y="2993682"/>
                    </a:lnTo>
                    <a:cubicBezTo>
                      <a:pt x="296608" y="3028203"/>
                      <a:pt x="314017" y="3060415"/>
                      <a:pt x="342900" y="3079308"/>
                    </a:cubicBezTo>
                    <a:cubicBezTo>
                      <a:pt x="359814" y="3090386"/>
                      <a:pt x="379333" y="3096024"/>
                      <a:pt x="398951" y="3096024"/>
                    </a:cubicBezTo>
                    <a:cubicBezTo>
                      <a:pt x="412832" y="3096024"/>
                      <a:pt x="426811" y="3093189"/>
                      <a:pt x="439901" y="3087452"/>
                    </a:cubicBezTo>
                    <a:lnTo>
                      <a:pt x="1013632" y="2836772"/>
                    </a:lnTo>
                    <a:lnTo>
                      <a:pt x="2521535" y="2836772"/>
                    </a:lnTo>
                    <a:cubicBezTo>
                      <a:pt x="2716164" y="2836772"/>
                      <a:pt x="2899154" y="2760972"/>
                      <a:pt x="3036808" y="2623350"/>
                    </a:cubicBezTo>
                    <a:cubicBezTo>
                      <a:pt x="3174430" y="2485728"/>
                      <a:pt x="3250231" y="2302739"/>
                      <a:pt x="3250231" y="2108077"/>
                    </a:cubicBezTo>
                    <a:lnTo>
                      <a:pt x="3250231" y="2082656"/>
                    </a:lnTo>
                    <a:cubicBezTo>
                      <a:pt x="3424186" y="2068874"/>
                      <a:pt x="3561511" y="1922944"/>
                      <a:pt x="3561511" y="1745526"/>
                    </a:cubicBezTo>
                    <a:cubicBezTo>
                      <a:pt x="3561511" y="1568108"/>
                      <a:pt x="3424186" y="1422178"/>
                      <a:pt x="3250231" y="1408396"/>
                    </a:cubicBezTo>
                    <a:close/>
                    <a:moveTo>
                      <a:pt x="296641" y="1864354"/>
                    </a:moveTo>
                    <a:cubicBezTo>
                      <a:pt x="243294" y="1846846"/>
                      <a:pt x="204685" y="1796565"/>
                      <a:pt x="204685" y="1737481"/>
                    </a:cubicBezTo>
                    <a:cubicBezTo>
                      <a:pt x="204685" y="1678397"/>
                      <a:pt x="243294" y="1628116"/>
                      <a:pt x="296641" y="1610575"/>
                    </a:cubicBezTo>
                    <a:lnTo>
                      <a:pt x="296641" y="1864354"/>
                    </a:lnTo>
                    <a:close/>
                    <a:moveTo>
                      <a:pt x="3045611" y="2108044"/>
                    </a:moveTo>
                    <a:cubicBezTo>
                      <a:pt x="3045611" y="2397003"/>
                      <a:pt x="2810527" y="2632054"/>
                      <a:pt x="2521601" y="2632054"/>
                    </a:cubicBezTo>
                    <a:lnTo>
                      <a:pt x="992333" y="2632054"/>
                    </a:lnTo>
                    <a:cubicBezTo>
                      <a:pt x="978221" y="2632054"/>
                      <a:pt x="964274" y="2634956"/>
                      <a:pt x="951350" y="2640627"/>
                    </a:cubicBezTo>
                    <a:lnTo>
                      <a:pt x="501327" y="2837267"/>
                    </a:lnTo>
                    <a:lnTo>
                      <a:pt x="501327" y="1996997"/>
                    </a:lnTo>
                    <a:cubicBezTo>
                      <a:pt x="502975" y="1985028"/>
                      <a:pt x="501360" y="1969730"/>
                      <a:pt x="501360" y="1957728"/>
                    </a:cubicBezTo>
                    <a:lnTo>
                      <a:pt x="501360" y="1507507"/>
                    </a:lnTo>
                    <a:cubicBezTo>
                      <a:pt x="501360" y="1495506"/>
                      <a:pt x="502975" y="1491483"/>
                      <a:pt x="501327" y="1477932"/>
                    </a:cubicBezTo>
                    <a:lnTo>
                      <a:pt x="501327" y="1347894"/>
                    </a:lnTo>
                    <a:cubicBezTo>
                      <a:pt x="501327" y="1058935"/>
                      <a:pt x="736411" y="823850"/>
                      <a:pt x="1025337" y="823850"/>
                    </a:cubicBezTo>
                    <a:lnTo>
                      <a:pt x="2521568" y="823850"/>
                    </a:lnTo>
                    <a:cubicBezTo>
                      <a:pt x="2810527" y="823850"/>
                      <a:pt x="3045578" y="1058935"/>
                      <a:pt x="3045578" y="1347894"/>
                    </a:cubicBezTo>
                    <a:lnTo>
                      <a:pt x="3045578" y="2108077"/>
                    </a:lnTo>
                    <a:close/>
                    <a:moveTo>
                      <a:pt x="3258935" y="1874245"/>
                    </a:moveTo>
                    <a:lnTo>
                      <a:pt x="3258935" y="1616806"/>
                    </a:lnTo>
                    <a:cubicBezTo>
                      <a:pt x="3315349" y="1632402"/>
                      <a:pt x="3356892" y="1684200"/>
                      <a:pt x="3356892" y="1745526"/>
                    </a:cubicBezTo>
                    <a:cubicBezTo>
                      <a:pt x="3356892" y="1806852"/>
                      <a:pt x="3315349" y="1858650"/>
                      <a:pt x="3258935" y="1874245"/>
                    </a:cubicBezTo>
                    <a:close/>
                  </a:path>
                </a:pathLst>
              </a:custGeom>
              <a:solidFill>
                <a:schemeClr val="tx1"/>
              </a:solidFill>
              <a:ln w="1647" cap="flat">
                <a:no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nvGrpSpPr>
              <p:cNvPr id="41" name="Graphic 30">
                <a:extLst>
                  <a:ext uri="{FF2B5EF4-FFF2-40B4-BE49-F238E27FC236}">
                    <a16:creationId xmlns:a16="http://schemas.microsoft.com/office/drawing/2014/main" id="{42FF3D76-A881-54F7-C65D-95F5216D5D43}"/>
                  </a:ext>
                </a:extLst>
              </p:cNvPr>
              <p:cNvGrpSpPr/>
              <p:nvPr/>
            </p:nvGrpSpPr>
            <p:grpSpPr>
              <a:xfrm>
                <a:off x="5419167" y="2078732"/>
                <a:ext cx="1781464" cy="425212"/>
                <a:chOff x="5419167" y="2078732"/>
                <a:chExt cx="1781464" cy="425212"/>
              </a:xfrm>
              <a:grpFill/>
            </p:grpSpPr>
            <p:sp>
              <p:nvSpPr>
                <p:cNvPr id="42" name="Freeform: Shape 41">
                  <a:extLst>
                    <a:ext uri="{FF2B5EF4-FFF2-40B4-BE49-F238E27FC236}">
                      <a16:creationId xmlns:a16="http://schemas.microsoft.com/office/drawing/2014/main" id="{BC1BFC91-E6BE-42E2-9585-92D3BD6B12D9}"/>
                    </a:ext>
                  </a:extLst>
                </p:cNvPr>
                <p:cNvSpPr/>
                <p:nvPr/>
              </p:nvSpPr>
              <p:spPr>
                <a:xfrm>
                  <a:off x="5419167" y="2078732"/>
                  <a:ext cx="408248" cy="408248"/>
                </a:xfrm>
                <a:custGeom>
                  <a:avLst/>
                  <a:gdLst>
                    <a:gd name="connsiteX0" fmla="*/ 408249 w 408248"/>
                    <a:gd name="connsiteY0" fmla="*/ 204124 h 408248"/>
                    <a:gd name="connsiteX1" fmla="*/ 204124 w 408248"/>
                    <a:gd name="connsiteY1" fmla="*/ 408249 h 408248"/>
                    <a:gd name="connsiteX2" fmla="*/ 0 w 408248"/>
                    <a:gd name="connsiteY2" fmla="*/ 204124 h 408248"/>
                    <a:gd name="connsiteX3" fmla="*/ 204124 w 408248"/>
                    <a:gd name="connsiteY3" fmla="*/ 0 h 408248"/>
                    <a:gd name="connsiteX4" fmla="*/ 408249 w 408248"/>
                    <a:gd name="connsiteY4" fmla="*/ 204124 h 40824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08248" h="408248">
                      <a:moveTo>
                        <a:pt x="408249" y="204124"/>
                      </a:moveTo>
                      <a:cubicBezTo>
                        <a:pt x="408249" y="316859"/>
                        <a:pt x="316859" y="408249"/>
                        <a:pt x="204124" y="408249"/>
                      </a:cubicBezTo>
                      <a:cubicBezTo>
                        <a:pt x="91390" y="408249"/>
                        <a:pt x="0" y="316859"/>
                        <a:pt x="0" y="204124"/>
                      </a:cubicBezTo>
                      <a:cubicBezTo>
                        <a:pt x="0" y="91390"/>
                        <a:pt x="91389" y="0"/>
                        <a:pt x="204124" y="0"/>
                      </a:cubicBezTo>
                      <a:cubicBezTo>
                        <a:pt x="316859" y="0"/>
                        <a:pt x="408249" y="91390"/>
                        <a:pt x="408249" y="204124"/>
                      </a:cubicBezTo>
                      <a:close/>
                    </a:path>
                  </a:pathLst>
                </a:custGeom>
                <a:solidFill>
                  <a:schemeClr val="tx1"/>
                </a:solid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43" name="Freeform: Shape 42">
                  <a:extLst>
                    <a:ext uri="{FF2B5EF4-FFF2-40B4-BE49-F238E27FC236}">
                      <a16:creationId xmlns:a16="http://schemas.microsoft.com/office/drawing/2014/main" id="{CA5E3410-2D08-4685-777C-AD1468501F3C}"/>
                    </a:ext>
                  </a:extLst>
                </p:cNvPr>
                <p:cNvSpPr/>
                <p:nvPr/>
              </p:nvSpPr>
              <p:spPr>
                <a:xfrm rot="-2700000">
                  <a:off x="6105797" y="2095696"/>
                  <a:ext cx="408248" cy="408248"/>
                </a:xfrm>
                <a:custGeom>
                  <a:avLst/>
                  <a:gdLst>
                    <a:gd name="connsiteX0" fmla="*/ 408249 w 408248"/>
                    <a:gd name="connsiteY0" fmla="*/ 204125 h 408248"/>
                    <a:gd name="connsiteX1" fmla="*/ 204125 w 408248"/>
                    <a:gd name="connsiteY1" fmla="*/ 408249 h 408248"/>
                    <a:gd name="connsiteX2" fmla="*/ 0 w 408248"/>
                    <a:gd name="connsiteY2" fmla="*/ 204125 h 408248"/>
                    <a:gd name="connsiteX3" fmla="*/ 204125 w 408248"/>
                    <a:gd name="connsiteY3" fmla="*/ 0 h 408248"/>
                    <a:gd name="connsiteX4" fmla="*/ 408249 w 408248"/>
                    <a:gd name="connsiteY4" fmla="*/ 204125 h 40824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08248" h="408248">
                      <a:moveTo>
                        <a:pt x="408249" y="204125"/>
                      </a:moveTo>
                      <a:cubicBezTo>
                        <a:pt x="408249" y="316859"/>
                        <a:pt x="316860" y="408249"/>
                        <a:pt x="204125" y="408249"/>
                      </a:cubicBezTo>
                      <a:cubicBezTo>
                        <a:pt x="91390" y="408249"/>
                        <a:pt x="0" y="316859"/>
                        <a:pt x="0" y="204125"/>
                      </a:cubicBezTo>
                      <a:cubicBezTo>
                        <a:pt x="0" y="91390"/>
                        <a:pt x="91389" y="0"/>
                        <a:pt x="204125" y="0"/>
                      </a:cubicBezTo>
                      <a:cubicBezTo>
                        <a:pt x="316859" y="0"/>
                        <a:pt x="408249" y="91390"/>
                        <a:pt x="408249" y="204125"/>
                      </a:cubicBezTo>
                      <a:close/>
                    </a:path>
                  </a:pathLst>
                </a:custGeom>
                <a:solidFill>
                  <a:schemeClr val="tx1"/>
                </a:solid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44" name="Freeform: Shape 43">
                  <a:extLst>
                    <a:ext uri="{FF2B5EF4-FFF2-40B4-BE49-F238E27FC236}">
                      <a16:creationId xmlns:a16="http://schemas.microsoft.com/office/drawing/2014/main" id="{FE895781-EA05-E43A-CB60-6BAD2CA2BBBC}"/>
                    </a:ext>
                  </a:extLst>
                </p:cNvPr>
                <p:cNvSpPr/>
                <p:nvPr/>
              </p:nvSpPr>
              <p:spPr>
                <a:xfrm>
                  <a:off x="6792383" y="2078732"/>
                  <a:ext cx="408248" cy="408248"/>
                </a:xfrm>
                <a:custGeom>
                  <a:avLst/>
                  <a:gdLst>
                    <a:gd name="connsiteX0" fmla="*/ 408249 w 408248"/>
                    <a:gd name="connsiteY0" fmla="*/ 204124 h 408248"/>
                    <a:gd name="connsiteX1" fmla="*/ 204124 w 408248"/>
                    <a:gd name="connsiteY1" fmla="*/ 408249 h 408248"/>
                    <a:gd name="connsiteX2" fmla="*/ 0 w 408248"/>
                    <a:gd name="connsiteY2" fmla="*/ 204124 h 408248"/>
                    <a:gd name="connsiteX3" fmla="*/ 204124 w 408248"/>
                    <a:gd name="connsiteY3" fmla="*/ 0 h 408248"/>
                    <a:gd name="connsiteX4" fmla="*/ 408249 w 408248"/>
                    <a:gd name="connsiteY4" fmla="*/ 204124 h 40824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08248" h="408248">
                      <a:moveTo>
                        <a:pt x="408249" y="204124"/>
                      </a:moveTo>
                      <a:cubicBezTo>
                        <a:pt x="408249" y="316859"/>
                        <a:pt x="316859" y="408249"/>
                        <a:pt x="204124" y="408249"/>
                      </a:cubicBezTo>
                      <a:cubicBezTo>
                        <a:pt x="91390" y="408249"/>
                        <a:pt x="0" y="316859"/>
                        <a:pt x="0" y="204124"/>
                      </a:cubicBezTo>
                      <a:cubicBezTo>
                        <a:pt x="0" y="91390"/>
                        <a:pt x="91389" y="0"/>
                        <a:pt x="204124" y="0"/>
                      </a:cubicBezTo>
                      <a:cubicBezTo>
                        <a:pt x="316859" y="0"/>
                        <a:pt x="408249" y="91390"/>
                        <a:pt x="408249" y="204124"/>
                      </a:cubicBezTo>
                      <a:close/>
                    </a:path>
                  </a:pathLst>
                </a:custGeom>
                <a:solidFill>
                  <a:schemeClr val="tx1"/>
                </a:solid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grpSp>
        <p:grpSp>
          <p:nvGrpSpPr>
            <p:cNvPr id="45" name="Graphic 110">
              <a:extLst>
                <a:ext uri="{FF2B5EF4-FFF2-40B4-BE49-F238E27FC236}">
                  <a16:creationId xmlns:a16="http://schemas.microsoft.com/office/drawing/2014/main" id="{1B208163-984E-85D1-8E22-A8FAA425DCCB}"/>
                </a:ext>
              </a:extLst>
            </p:cNvPr>
            <p:cNvGrpSpPr/>
            <p:nvPr/>
          </p:nvGrpSpPr>
          <p:grpSpPr>
            <a:xfrm>
              <a:off x="695869" y="5952172"/>
              <a:ext cx="215154" cy="217750"/>
              <a:chOff x="-2076182" y="2067661"/>
              <a:chExt cx="841864" cy="852018"/>
            </a:xfrm>
            <a:solidFill>
              <a:schemeClr val="tx1"/>
            </a:solidFill>
          </p:grpSpPr>
          <p:sp>
            <p:nvSpPr>
              <p:cNvPr id="47" name="Freeform: Shape 46">
                <a:extLst>
                  <a:ext uri="{FF2B5EF4-FFF2-40B4-BE49-F238E27FC236}">
                    <a16:creationId xmlns:a16="http://schemas.microsoft.com/office/drawing/2014/main" id="{398770C3-A021-CA9D-331D-E3465C78D1DF}"/>
                  </a:ext>
                </a:extLst>
              </p:cNvPr>
              <p:cNvSpPr/>
              <p:nvPr/>
            </p:nvSpPr>
            <p:spPr>
              <a:xfrm>
                <a:off x="-2076182" y="2295373"/>
                <a:ext cx="491382" cy="624306"/>
              </a:xfrm>
              <a:custGeom>
                <a:avLst/>
                <a:gdLst>
                  <a:gd name="connsiteX0" fmla="*/ 430756 w 491382"/>
                  <a:gd name="connsiteY0" fmla="*/ 329803 h 624306"/>
                  <a:gd name="connsiteX1" fmla="*/ 357318 w 491382"/>
                  <a:gd name="connsiteY1" fmla="*/ 297447 h 624306"/>
                  <a:gd name="connsiteX2" fmla="*/ 256744 w 491382"/>
                  <a:gd name="connsiteY2" fmla="*/ 270024 h 624306"/>
                  <a:gd name="connsiteX3" fmla="*/ 189383 w 491382"/>
                  <a:gd name="connsiteY3" fmla="*/ 252470 h 624306"/>
                  <a:gd name="connsiteX4" fmla="*/ 144310 w 491382"/>
                  <a:gd name="connsiteY4" fmla="*/ 233591 h 624306"/>
                  <a:gd name="connsiteX5" fmla="*/ 119927 w 491382"/>
                  <a:gd name="connsiteY5" fmla="*/ 209779 h 624306"/>
                  <a:gd name="connsiteX6" fmla="*/ 112527 w 491382"/>
                  <a:gd name="connsiteY6" fmla="*/ 173346 h 624306"/>
                  <a:gd name="connsiteX7" fmla="*/ 123343 w 491382"/>
                  <a:gd name="connsiteY7" fmla="*/ 126092 h 624306"/>
                  <a:gd name="connsiteX8" fmla="*/ 153140 w 491382"/>
                  <a:gd name="connsiteY8" fmla="*/ 92983 h 624306"/>
                  <a:gd name="connsiteX9" fmla="*/ 197631 w 491382"/>
                  <a:gd name="connsiteY9" fmla="*/ 73724 h 624306"/>
                  <a:gd name="connsiteX10" fmla="*/ 253419 w 491382"/>
                  <a:gd name="connsiteY10" fmla="*/ 67551 h 624306"/>
                  <a:gd name="connsiteX11" fmla="*/ 350298 w 491382"/>
                  <a:gd name="connsiteY11" fmla="*/ 84344 h 624306"/>
                  <a:gd name="connsiteX12" fmla="*/ 428756 w 491382"/>
                  <a:gd name="connsiteY12" fmla="*/ 134445 h 624306"/>
                  <a:gd name="connsiteX13" fmla="*/ 432461 w 491382"/>
                  <a:gd name="connsiteY13" fmla="*/ 138236 h 624306"/>
                  <a:gd name="connsiteX14" fmla="*/ 476104 w 491382"/>
                  <a:gd name="connsiteY14" fmla="*/ 85392 h 624306"/>
                  <a:gd name="connsiteX15" fmla="*/ 473256 w 491382"/>
                  <a:gd name="connsiteY15" fmla="*/ 82353 h 624306"/>
                  <a:gd name="connsiteX16" fmla="*/ 381607 w 491382"/>
                  <a:gd name="connsiteY16" fmla="*/ 22584 h 624306"/>
                  <a:gd name="connsiteX17" fmla="*/ 255791 w 491382"/>
                  <a:gd name="connsiteY17" fmla="*/ 0 h 624306"/>
                  <a:gd name="connsiteX18" fmla="*/ 168504 w 491382"/>
                  <a:gd name="connsiteY18" fmla="*/ 11573 h 624306"/>
                  <a:gd name="connsiteX19" fmla="*/ 96398 w 491382"/>
                  <a:gd name="connsiteY19" fmla="*/ 45920 h 624306"/>
                  <a:gd name="connsiteX20" fmla="*/ 47155 w 491382"/>
                  <a:gd name="connsiteY20" fmla="*/ 103889 h 624306"/>
                  <a:gd name="connsiteX21" fmla="*/ 28938 w 491382"/>
                  <a:gd name="connsiteY21" fmla="*/ 184633 h 624306"/>
                  <a:gd name="connsiteX22" fmla="*/ 41367 w 491382"/>
                  <a:gd name="connsiteY22" fmla="*/ 245450 h 624306"/>
                  <a:gd name="connsiteX23" fmla="*/ 79414 w 491382"/>
                  <a:gd name="connsiteY23" fmla="*/ 286531 h 624306"/>
                  <a:gd name="connsiteX24" fmla="*/ 142605 w 491382"/>
                  <a:gd name="connsiteY24" fmla="*/ 315563 h 624306"/>
                  <a:gd name="connsiteX25" fmla="*/ 231883 w 491382"/>
                  <a:gd name="connsiteY25" fmla="*/ 340709 h 624306"/>
                  <a:gd name="connsiteX26" fmla="*/ 309588 w 491382"/>
                  <a:gd name="connsiteY26" fmla="*/ 360540 h 624306"/>
                  <a:gd name="connsiteX27" fmla="*/ 364338 w 491382"/>
                  <a:gd name="connsiteY27" fmla="*/ 382267 h 624306"/>
                  <a:gd name="connsiteX28" fmla="*/ 396313 w 491382"/>
                  <a:gd name="connsiteY28" fmla="*/ 409880 h 624306"/>
                  <a:gd name="connsiteX29" fmla="*/ 406839 w 491382"/>
                  <a:gd name="connsiteY29" fmla="*/ 448780 h 624306"/>
                  <a:gd name="connsiteX30" fmla="*/ 366233 w 491382"/>
                  <a:gd name="connsiteY30" fmla="*/ 527437 h 624306"/>
                  <a:gd name="connsiteX31" fmla="*/ 254467 w 491382"/>
                  <a:gd name="connsiteY31" fmla="*/ 555612 h 624306"/>
                  <a:gd name="connsiteX32" fmla="*/ 145168 w 491382"/>
                  <a:gd name="connsiteY32" fmla="*/ 535496 h 624306"/>
                  <a:gd name="connsiteX33" fmla="*/ 44499 w 491382"/>
                  <a:gd name="connsiteY33" fmla="*/ 474774 h 624306"/>
                  <a:gd name="connsiteX34" fmla="*/ 40514 w 491382"/>
                  <a:gd name="connsiteY34" fmla="*/ 471459 h 624306"/>
                  <a:gd name="connsiteX35" fmla="*/ 0 w 491382"/>
                  <a:gd name="connsiteY35" fmla="*/ 531514 h 624306"/>
                  <a:gd name="connsiteX36" fmla="*/ 3037 w 491382"/>
                  <a:gd name="connsiteY36" fmla="*/ 534267 h 624306"/>
                  <a:gd name="connsiteX37" fmla="*/ 118504 w 491382"/>
                  <a:gd name="connsiteY37" fmla="*/ 601247 h 624306"/>
                  <a:gd name="connsiteX38" fmla="*/ 255515 w 491382"/>
                  <a:gd name="connsiteY38" fmla="*/ 624307 h 624306"/>
                  <a:gd name="connsiteX39" fmla="*/ 426860 w 491382"/>
                  <a:gd name="connsiteY39" fmla="*/ 575539 h 624306"/>
                  <a:gd name="connsiteX40" fmla="*/ 491382 w 491382"/>
                  <a:gd name="connsiteY40" fmla="*/ 441951 h 624306"/>
                  <a:gd name="connsiteX41" fmla="*/ 476009 w 491382"/>
                  <a:gd name="connsiteY41" fmla="*/ 375819 h 624306"/>
                  <a:gd name="connsiteX42" fmla="*/ 430565 w 491382"/>
                  <a:gd name="connsiteY42" fmla="*/ 329708 h 624306"/>
                  <a:gd name="connsiteX43" fmla="*/ 430756 w 491382"/>
                  <a:gd name="connsiteY43" fmla="*/ 329803 h 62430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Lst>
                <a:rect l="l" t="t" r="r" b="b"/>
                <a:pathLst>
                  <a:path w="491382" h="624306">
                    <a:moveTo>
                      <a:pt x="430756" y="329803"/>
                    </a:moveTo>
                    <a:cubicBezTo>
                      <a:pt x="411115" y="317468"/>
                      <a:pt x="386445" y="306553"/>
                      <a:pt x="357318" y="297447"/>
                    </a:cubicBezTo>
                    <a:cubicBezTo>
                      <a:pt x="328476" y="288341"/>
                      <a:pt x="294691" y="279130"/>
                      <a:pt x="256744" y="270024"/>
                    </a:cubicBezTo>
                    <a:cubicBezTo>
                      <a:pt x="230464" y="264052"/>
                      <a:pt x="207785" y="258166"/>
                      <a:pt x="189383" y="252470"/>
                    </a:cubicBezTo>
                    <a:cubicBezTo>
                      <a:pt x="171161" y="246879"/>
                      <a:pt x="155979" y="240516"/>
                      <a:pt x="144310" y="233591"/>
                    </a:cubicBezTo>
                    <a:cubicBezTo>
                      <a:pt x="132926" y="226857"/>
                      <a:pt x="124766" y="218885"/>
                      <a:pt x="119927" y="209779"/>
                    </a:cubicBezTo>
                    <a:cubicBezTo>
                      <a:pt x="114994" y="200673"/>
                      <a:pt x="112527" y="188433"/>
                      <a:pt x="112527" y="173346"/>
                    </a:cubicBezTo>
                    <a:cubicBezTo>
                      <a:pt x="112527" y="155219"/>
                      <a:pt x="116133" y="139379"/>
                      <a:pt x="123343" y="126092"/>
                    </a:cubicBezTo>
                    <a:cubicBezTo>
                      <a:pt x="130554" y="112814"/>
                      <a:pt x="140519" y="101708"/>
                      <a:pt x="153140" y="92983"/>
                    </a:cubicBezTo>
                    <a:cubicBezTo>
                      <a:pt x="165846" y="84249"/>
                      <a:pt x="180839" y="77800"/>
                      <a:pt x="197631" y="73724"/>
                    </a:cubicBezTo>
                    <a:cubicBezTo>
                      <a:pt x="214710" y="69637"/>
                      <a:pt x="233503" y="67551"/>
                      <a:pt x="253419" y="67551"/>
                    </a:cubicBezTo>
                    <a:cubicBezTo>
                      <a:pt x="286823" y="67551"/>
                      <a:pt x="319456" y="73247"/>
                      <a:pt x="350298" y="84344"/>
                    </a:cubicBezTo>
                    <a:cubicBezTo>
                      <a:pt x="380940" y="95450"/>
                      <a:pt x="407315" y="112243"/>
                      <a:pt x="428756" y="134445"/>
                    </a:cubicBezTo>
                    <a:lnTo>
                      <a:pt x="432461" y="138236"/>
                    </a:lnTo>
                    <a:lnTo>
                      <a:pt x="476104" y="85392"/>
                    </a:lnTo>
                    <a:lnTo>
                      <a:pt x="473256" y="82353"/>
                    </a:lnTo>
                    <a:cubicBezTo>
                      <a:pt x="450111" y="57683"/>
                      <a:pt x="419269" y="37567"/>
                      <a:pt x="381607" y="22584"/>
                    </a:cubicBezTo>
                    <a:cubicBezTo>
                      <a:pt x="344031" y="7591"/>
                      <a:pt x="301721" y="0"/>
                      <a:pt x="255791" y="0"/>
                    </a:cubicBezTo>
                    <a:cubicBezTo>
                      <a:pt x="225149" y="0"/>
                      <a:pt x="195831" y="3886"/>
                      <a:pt x="168504" y="11573"/>
                    </a:cubicBezTo>
                    <a:cubicBezTo>
                      <a:pt x="141082" y="19260"/>
                      <a:pt x="116892" y="30832"/>
                      <a:pt x="96398" y="45920"/>
                    </a:cubicBezTo>
                    <a:cubicBezTo>
                      <a:pt x="75809" y="61103"/>
                      <a:pt x="59205" y="80648"/>
                      <a:pt x="47155" y="103889"/>
                    </a:cubicBezTo>
                    <a:cubicBezTo>
                      <a:pt x="35105" y="127235"/>
                      <a:pt x="28938" y="154372"/>
                      <a:pt x="28938" y="184633"/>
                    </a:cubicBezTo>
                    <a:cubicBezTo>
                      <a:pt x="28938" y="208826"/>
                      <a:pt x="33113" y="229324"/>
                      <a:pt x="41367" y="245450"/>
                    </a:cubicBezTo>
                    <a:cubicBezTo>
                      <a:pt x="49717" y="261680"/>
                      <a:pt x="62526" y="275530"/>
                      <a:pt x="79414" y="286531"/>
                    </a:cubicBezTo>
                    <a:cubicBezTo>
                      <a:pt x="96018" y="297351"/>
                      <a:pt x="117271" y="307124"/>
                      <a:pt x="142605" y="315563"/>
                    </a:cubicBezTo>
                    <a:cubicBezTo>
                      <a:pt x="167561" y="323917"/>
                      <a:pt x="197536" y="332365"/>
                      <a:pt x="231883" y="340709"/>
                    </a:cubicBezTo>
                    <a:cubicBezTo>
                      <a:pt x="261011" y="347443"/>
                      <a:pt x="287205" y="354092"/>
                      <a:pt x="309588" y="360540"/>
                    </a:cubicBezTo>
                    <a:cubicBezTo>
                      <a:pt x="331505" y="366893"/>
                      <a:pt x="349917" y="374199"/>
                      <a:pt x="364338" y="382267"/>
                    </a:cubicBezTo>
                    <a:cubicBezTo>
                      <a:pt x="378473" y="390239"/>
                      <a:pt x="389198" y="399536"/>
                      <a:pt x="396313" y="409880"/>
                    </a:cubicBezTo>
                    <a:cubicBezTo>
                      <a:pt x="403333" y="420034"/>
                      <a:pt x="406839" y="433121"/>
                      <a:pt x="406839" y="448780"/>
                    </a:cubicBezTo>
                    <a:cubicBezTo>
                      <a:pt x="406839" y="483127"/>
                      <a:pt x="393561" y="508835"/>
                      <a:pt x="366233" y="527437"/>
                    </a:cubicBezTo>
                    <a:cubicBezTo>
                      <a:pt x="338716" y="546125"/>
                      <a:pt x="301149" y="555612"/>
                      <a:pt x="254467" y="555612"/>
                    </a:cubicBezTo>
                    <a:cubicBezTo>
                      <a:pt x="215757" y="555612"/>
                      <a:pt x="179039" y="548878"/>
                      <a:pt x="145168" y="535496"/>
                    </a:cubicBezTo>
                    <a:cubicBezTo>
                      <a:pt x="111294" y="522123"/>
                      <a:pt x="77422" y="501625"/>
                      <a:pt x="44499" y="474774"/>
                    </a:cubicBezTo>
                    <a:lnTo>
                      <a:pt x="40514" y="471459"/>
                    </a:lnTo>
                    <a:lnTo>
                      <a:pt x="0" y="531514"/>
                    </a:lnTo>
                    <a:lnTo>
                      <a:pt x="3037" y="534267"/>
                    </a:lnTo>
                    <a:cubicBezTo>
                      <a:pt x="35201" y="563394"/>
                      <a:pt x="74101" y="585978"/>
                      <a:pt x="118504" y="601247"/>
                    </a:cubicBezTo>
                    <a:cubicBezTo>
                      <a:pt x="162818" y="616525"/>
                      <a:pt x="208928" y="624307"/>
                      <a:pt x="255515" y="624307"/>
                    </a:cubicBezTo>
                    <a:cubicBezTo>
                      <a:pt x="326857" y="624307"/>
                      <a:pt x="384455" y="607895"/>
                      <a:pt x="426860" y="575539"/>
                    </a:cubicBezTo>
                    <a:cubicBezTo>
                      <a:pt x="469656" y="542801"/>
                      <a:pt x="491382" y="497929"/>
                      <a:pt x="491382" y="441951"/>
                    </a:cubicBezTo>
                    <a:cubicBezTo>
                      <a:pt x="491382" y="416233"/>
                      <a:pt x="486163" y="394030"/>
                      <a:pt x="476009" y="375819"/>
                    </a:cubicBezTo>
                    <a:cubicBezTo>
                      <a:pt x="465760" y="357692"/>
                      <a:pt x="450492" y="342233"/>
                      <a:pt x="430565" y="329708"/>
                    </a:cubicBezTo>
                    <a:lnTo>
                      <a:pt x="430756" y="329803"/>
                    </a:lnTo>
                    <a:close/>
                  </a:path>
                </a:pathLst>
              </a:custGeom>
              <a:grpFill/>
              <a:ln w="12700"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48" name="Freeform: Shape 47">
                <a:extLst>
                  <a:ext uri="{FF2B5EF4-FFF2-40B4-BE49-F238E27FC236}">
                    <a16:creationId xmlns:a16="http://schemas.microsoft.com/office/drawing/2014/main" id="{53DF617F-540F-F966-D331-7EAB7B5BC0F6}"/>
                  </a:ext>
                </a:extLst>
              </p:cNvPr>
              <p:cNvSpPr/>
              <p:nvPr/>
            </p:nvSpPr>
            <p:spPr>
              <a:xfrm>
                <a:off x="-1466585" y="2067661"/>
                <a:ext cx="232267" cy="847465"/>
              </a:xfrm>
              <a:custGeom>
                <a:avLst/>
                <a:gdLst>
                  <a:gd name="connsiteX0" fmla="*/ 211398 w 232267"/>
                  <a:gd name="connsiteY0" fmla="*/ 755149 h 847465"/>
                  <a:gd name="connsiteX1" fmla="*/ 180270 w 232267"/>
                  <a:gd name="connsiteY1" fmla="*/ 764064 h 847465"/>
                  <a:gd name="connsiteX2" fmla="*/ 151619 w 232267"/>
                  <a:gd name="connsiteY2" fmla="*/ 767388 h 847465"/>
                  <a:gd name="connsiteX3" fmla="*/ 103803 w 232267"/>
                  <a:gd name="connsiteY3" fmla="*/ 750024 h 847465"/>
                  <a:gd name="connsiteX4" fmla="*/ 86916 w 232267"/>
                  <a:gd name="connsiteY4" fmla="*/ 701542 h 847465"/>
                  <a:gd name="connsiteX5" fmla="*/ 86916 w 232267"/>
                  <a:gd name="connsiteY5" fmla="*/ 0 h 847465"/>
                  <a:gd name="connsiteX6" fmla="*/ 0 w 232267"/>
                  <a:gd name="connsiteY6" fmla="*/ 0 h 847465"/>
                  <a:gd name="connsiteX7" fmla="*/ 0 w 232267"/>
                  <a:gd name="connsiteY7" fmla="*/ 727726 h 847465"/>
                  <a:gd name="connsiteX8" fmla="*/ 32166 w 232267"/>
                  <a:gd name="connsiteY8" fmla="*/ 815966 h 847465"/>
                  <a:gd name="connsiteX9" fmla="*/ 119739 w 232267"/>
                  <a:gd name="connsiteY9" fmla="*/ 847465 h 847465"/>
                  <a:gd name="connsiteX10" fmla="*/ 174679 w 232267"/>
                  <a:gd name="connsiteY10" fmla="*/ 841674 h 847465"/>
                  <a:gd name="connsiteX11" fmla="*/ 228667 w 232267"/>
                  <a:gd name="connsiteY11" fmla="*/ 826586 h 847465"/>
                  <a:gd name="connsiteX12" fmla="*/ 232267 w 232267"/>
                  <a:gd name="connsiteY12" fmla="*/ 825072 h 847465"/>
                  <a:gd name="connsiteX13" fmla="*/ 216608 w 232267"/>
                  <a:gd name="connsiteY13" fmla="*/ 753148 h 847465"/>
                  <a:gd name="connsiteX14" fmla="*/ 211493 w 232267"/>
                  <a:gd name="connsiteY14" fmla="*/ 755149 h 847465"/>
                  <a:gd name="connsiteX15" fmla="*/ 211398 w 232267"/>
                  <a:gd name="connsiteY15" fmla="*/ 755149 h 84746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232267" h="847465">
                    <a:moveTo>
                      <a:pt x="211398" y="755149"/>
                    </a:moveTo>
                    <a:cubicBezTo>
                      <a:pt x="201911" y="758844"/>
                      <a:pt x="191376" y="761788"/>
                      <a:pt x="180270" y="764064"/>
                    </a:cubicBezTo>
                    <a:cubicBezTo>
                      <a:pt x="169269" y="766245"/>
                      <a:pt x="159591" y="767388"/>
                      <a:pt x="151619" y="767388"/>
                    </a:cubicBezTo>
                    <a:cubicBezTo>
                      <a:pt x="131035" y="767388"/>
                      <a:pt x="114900" y="761502"/>
                      <a:pt x="103803" y="750024"/>
                    </a:cubicBezTo>
                    <a:cubicBezTo>
                      <a:pt x="92602" y="738442"/>
                      <a:pt x="86916" y="722126"/>
                      <a:pt x="86916" y="701542"/>
                    </a:cubicBezTo>
                    <a:lnTo>
                      <a:pt x="86916" y="0"/>
                    </a:lnTo>
                    <a:lnTo>
                      <a:pt x="0" y="0"/>
                    </a:lnTo>
                    <a:lnTo>
                      <a:pt x="0" y="727726"/>
                    </a:lnTo>
                    <a:cubicBezTo>
                      <a:pt x="0" y="765293"/>
                      <a:pt x="10820" y="794992"/>
                      <a:pt x="32166" y="815966"/>
                    </a:cubicBezTo>
                    <a:cubicBezTo>
                      <a:pt x="53511" y="836930"/>
                      <a:pt x="82925" y="847465"/>
                      <a:pt x="119739" y="847465"/>
                    </a:cubicBezTo>
                    <a:cubicBezTo>
                      <a:pt x="135112" y="847465"/>
                      <a:pt x="153610" y="845560"/>
                      <a:pt x="174679" y="841674"/>
                    </a:cubicBezTo>
                    <a:cubicBezTo>
                      <a:pt x="195834" y="837788"/>
                      <a:pt x="213960" y="832758"/>
                      <a:pt x="228667" y="826586"/>
                    </a:cubicBezTo>
                    <a:lnTo>
                      <a:pt x="232267" y="825072"/>
                    </a:lnTo>
                    <a:lnTo>
                      <a:pt x="216608" y="753148"/>
                    </a:lnTo>
                    <a:lnTo>
                      <a:pt x="211493" y="755149"/>
                    </a:lnTo>
                    <a:lnTo>
                      <a:pt x="211398" y="755149"/>
                    </a:lnTo>
                    <a:close/>
                  </a:path>
                </a:pathLst>
              </a:custGeom>
              <a:grpFill/>
              <a:ln w="12700"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grpSp>
          <p:nvGrpSpPr>
            <p:cNvPr id="49" name="Graphic 30">
              <a:extLst>
                <a:ext uri="{FF2B5EF4-FFF2-40B4-BE49-F238E27FC236}">
                  <a16:creationId xmlns:a16="http://schemas.microsoft.com/office/drawing/2014/main" id="{63FE4DF1-9118-EA67-2BC6-8094197838C7}"/>
                </a:ext>
              </a:extLst>
            </p:cNvPr>
            <p:cNvGrpSpPr/>
            <p:nvPr/>
          </p:nvGrpSpPr>
          <p:grpSpPr>
            <a:xfrm>
              <a:off x="660136" y="5267488"/>
              <a:ext cx="305471" cy="305471"/>
              <a:chOff x="7536871" y="3400380"/>
              <a:chExt cx="2898131" cy="2898131"/>
            </a:xfrm>
            <a:solidFill>
              <a:schemeClr val="tx1"/>
            </a:solidFill>
          </p:grpSpPr>
          <p:grpSp>
            <p:nvGrpSpPr>
              <p:cNvPr id="50" name="Graphic 30">
                <a:extLst>
                  <a:ext uri="{FF2B5EF4-FFF2-40B4-BE49-F238E27FC236}">
                    <a16:creationId xmlns:a16="http://schemas.microsoft.com/office/drawing/2014/main" id="{4916E7BB-BB9D-F44C-7DCE-E8F99CB85200}"/>
                  </a:ext>
                </a:extLst>
              </p:cNvPr>
              <p:cNvGrpSpPr/>
              <p:nvPr/>
            </p:nvGrpSpPr>
            <p:grpSpPr>
              <a:xfrm>
                <a:off x="7536871" y="3400380"/>
                <a:ext cx="2898131" cy="2898131"/>
                <a:chOff x="7536871" y="3400380"/>
                <a:chExt cx="2898131" cy="2898131"/>
              </a:xfrm>
              <a:grpFill/>
            </p:grpSpPr>
            <p:sp>
              <p:nvSpPr>
                <p:cNvPr id="54" name="Freeform: Shape 53">
                  <a:extLst>
                    <a:ext uri="{FF2B5EF4-FFF2-40B4-BE49-F238E27FC236}">
                      <a16:creationId xmlns:a16="http://schemas.microsoft.com/office/drawing/2014/main" id="{A7F737BF-DB7E-4A4B-0FDA-E6CBBC9EF372}"/>
                    </a:ext>
                  </a:extLst>
                </p:cNvPr>
                <p:cNvSpPr/>
                <p:nvPr/>
              </p:nvSpPr>
              <p:spPr>
                <a:xfrm>
                  <a:off x="7894147" y="3735071"/>
                  <a:ext cx="984287" cy="1029425"/>
                </a:xfrm>
                <a:custGeom>
                  <a:avLst/>
                  <a:gdLst>
                    <a:gd name="connsiteX0" fmla="*/ 562950 w 984287"/>
                    <a:gd name="connsiteY0" fmla="*/ 909938 h 1029425"/>
                    <a:gd name="connsiteX1" fmla="*/ 575709 w 984287"/>
                    <a:gd name="connsiteY1" fmla="*/ 909938 h 1029425"/>
                    <a:gd name="connsiteX2" fmla="*/ 864701 w 984287"/>
                    <a:gd name="connsiteY2" fmla="*/ 687086 h 1029425"/>
                    <a:gd name="connsiteX3" fmla="*/ 738191 w 984287"/>
                    <a:gd name="connsiteY3" fmla="*/ 512998 h 1029425"/>
                    <a:gd name="connsiteX4" fmla="*/ 450353 w 984287"/>
                    <a:gd name="connsiteY4" fmla="*/ 829851 h 1029425"/>
                    <a:gd name="connsiteX5" fmla="*/ 475873 w 984287"/>
                    <a:gd name="connsiteY5" fmla="*/ 930842 h 1029425"/>
                    <a:gd name="connsiteX6" fmla="*/ 351670 w 984287"/>
                    <a:gd name="connsiteY6" fmla="*/ 956362 h 1029425"/>
                    <a:gd name="connsiteX7" fmla="*/ 340065 w 984287"/>
                    <a:gd name="connsiteY7" fmla="*/ 899486 h 1029425"/>
                    <a:gd name="connsiteX8" fmla="*/ 128818 w 984287"/>
                    <a:gd name="connsiteY8" fmla="*/ 969121 h 1029425"/>
                    <a:gd name="connsiteX9" fmla="*/ 0 w 984287"/>
                    <a:gd name="connsiteY9" fmla="*/ 831005 h 1029425"/>
                    <a:gd name="connsiteX10" fmla="*/ 319194 w 984287"/>
                    <a:gd name="connsiteY10" fmla="*/ 434065 h 1029425"/>
                    <a:gd name="connsiteX11" fmla="*/ 330799 w 984287"/>
                    <a:gd name="connsiteY11" fmla="*/ 251834 h 1029425"/>
                    <a:gd name="connsiteX12" fmla="*/ 257670 w 984287"/>
                    <a:gd name="connsiteY12" fmla="*/ 251834 h 1029425"/>
                    <a:gd name="connsiteX13" fmla="*/ 80087 w 984287"/>
                    <a:gd name="connsiteY13" fmla="*/ 249526 h 1029425"/>
                    <a:gd name="connsiteX14" fmla="*/ 78933 w 984287"/>
                    <a:gd name="connsiteY14" fmla="*/ 133468 h 1029425"/>
                    <a:gd name="connsiteX15" fmla="*/ 341252 w 984287"/>
                    <a:gd name="connsiteY15" fmla="*/ 145073 h 1029425"/>
                    <a:gd name="connsiteX16" fmla="*/ 362155 w 984287"/>
                    <a:gd name="connsiteY16" fmla="*/ 0 h 1029425"/>
                    <a:gd name="connsiteX17" fmla="*/ 486357 w 984287"/>
                    <a:gd name="connsiteY17" fmla="*/ 12760 h 1029425"/>
                    <a:gd name="connsiteX18" fmla="*/ 461992 w 984287"/>
                    <a:gd name="connsiteY18" fmla="*/ 143919 h 1029425"/>
                    <a:gd name="connsiteX19" fmla="*/ 789297 w 984287"/>
                    <a:gd name="connsiteY19" fmla="*/ 126510 h 1029425"/>
                    <a:gd name="connsiteX20" fmla="*/ 784648 w 984287"/>
                    <a:gd name="connsiteY20" fmla="*/ 236766 h 1029425"/>
                    <a:gd name="connsiteX21" fmla="*/ 448045 w 984287"/>
                    <a:gd name="connsiteY21" fmla="*/ 250680 h 1029425"/>
                    <a:gd name="connsiteX22" fmla="*/ 435285 w 984287"/>
                    <a:gd name="connsiteY22" fmla="*/ 395753 h 1029425"/>
                    <a:gd name="connsiteX23" fmla="*/ 579204 w 984287"/>
                    <a:gd name="connsiteY23" fmla="*/ 379498 h 1029425"/>
                    <a:gd name="connsiteX24" fmla="*/ 673205 w 984287"/>
                    <a:gd name="connsiteY24" fmla="*/ 386455 h 1029425"/>
                    <a:gd name="connsiteX25" fmla="*/ 699911 w 984287"/>
                    <a:gd name="connsiteY25" fmla="*/ 323777 h 1029425"/>
                    <a:gd name="connsiteX26" fmla="*/ 818311 w 984287"/>
                    <a:gd name="connsiteY26" fmla="*/ 366705 h 1029425"/>
                    <a:gd name="connsiteX27" fmla="*/ 792792 w 984287"/>
                    <a:gd name="connsiteY27" fmla="*/ 417778 h 1029425"/>
                    <a:gd name="connsiteX28" fmla="*/ 984288 w 984287"/>
                    <a:gd name="connsiteY28" fmla="*/ 695164 h 1029425"/>
                    <a:gd name="connsiteX29" fmla="*/ 614022 w 984287"/>
                    <a:gd name="connsiteY29" fmla="*/ 1029426 h 1029425"/>
                    <a:gd name="connsiteX30" fmla="*/ 562950 w 984287"/>
                    <a:gd name="connsiteY30" fmla="*/ 909872 h 1029425"/>
                    <a:gd name="connsiteX31" fmla="*/ 315731 w 984287"/>
                    <a:gd name="connsiteY31" fmla="*/ 553619 h 1029425"/>
                    <a:gd name="connsiteX32" fmla="*/ 120740 w 984287"/>
                    <a:gd name="connsiteY32" fmla="*/ 798529 h 1029425"/>
                    <a:gd name="connsiteX33" fmla="*/ 168318 w 984287"/>
                    <a:gd name="connsiteY33" fmla="*/ 848447 h 1029425"/>
                    <a:gd name="connsiteX34" fmla="*/ 324997 w 984287"/>
                    <a:gd name="connsiteY34" fmla="*/ 781120 h 1029425"/>
                    <a:gd name="connsiteX35" fmla="*/ 315699 w 984287"/>
                    <a:gd name="connsiteY35" fmla="*/ 553619 h 1029425"/>
                    <a:gd name="connsiteX36" fmla="*/ 579204 w 984287"/>
                    <a:gd name="connsiteY36" fmla="*/ 482830 h 1029425"/>
                    <a:gd name="connsiteX37" fmla="*/ 430636 w 984287"/>
                    <a:gd name="connsiteY37" fmla="*/ 503733 h 1029425"/>
                    <a:gd name="connsiteX38" fmla="*/ 435285 w 984287"/>
                    <a:gd name="connsiteY38" fmla="*/ 697571 h 1029425"/>
                    <a:gd name="connsiteX39" fmla="*/ 618671 w 984287"/>
                    <a:gd name="connsiteY39" fmla="*/ 484017 h 1029425"/>
                    <a:gd name="connsiteX40" fmla="*/ 579204 w 984287"/>
                    <a:gd name="connsiteY40" fmla="*/ 482863 h 10294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Lst>
                  <a:rect l="l" t="t" r="r" b="b"/>
                  <a:pathLst>
                    <a:path w="984287" h="1029425">
                      <a:moveTo>
                        <a:pt x="562950" y="909938"/>
                      </a:moveTo>
                      <a:lnTo>
                        <a:pt x="575709" y="909938"/>
                      </a:lnTo>
                      <a:cubicBezTo>
                        <a:pt x="770701" y="909938"/>
                        <a:pt x="864701" y="793880"/>
                        <a:pt x="864701" y="687086"/>
                      </a:cubicBezTo>
                      <a:cubicBezTo>
                        <a:pt x="864701" y="646466"/>
                        <a:pt x="853096" y="560576"/>
                        <a:pt x="738191" y="512998"/>
                      </a:cubicBezTo>
                      <a:cubicBezTo>
                        <a:pt x="668556" y="622100"/>
                        <a:pt x="573368" y="737004"/>
                        <a:pt x="450353" y="829851"/>
                      </a:cubicBezTo>
                      <a:cubicBezTo>
                        <a:pt x="457310" y="866977"/>
                        <a:pt x="465454" y="901827"/>
                        <a:pt x="475873" y="930842"/>
                      </a:cubicBezTo>
                      <a:lnTo>
                        <a:pt x="351670" y="956362"/>
                      </a:lnTo>
                      <a:cubicBezTo>
                        <a:pt x="347022" y="938953"/>
                        <a:pt x="343560" y="919236"/>
                        <a:pt x="340065" y="899486"/>
                      </a:cubicBezTo>
                      <a:cubicBezTo>
                        <a:pt x="290147" y="927347"/>
                        <a:pt x="199607" y="969121"/>
                        <a:pt x="128818" y="969121"/>
                      </a:cubicBezTo>
                      <a:cubicBezTo>
                        <a:pt x="38279" y="969121"/>
                        <a:pt x="0" y="907597"/>
                        <a:pt x="0" y="831005"/>
                      </a:cubicBezTo>
                      <a:cubicBezTo>
                        <a:pt x="0" y="720750"/>
                        <a:pt x="76592" y="543167"/>
                        <a:pt x="319194" y="434065"/>
                      </a:cubicBezTo>
                      <a:cubicBezTo>
                        <a:pt x="321501" y="372541"/>
                        <a:pt x="326151" y="311050"/>
                        <a:pt x="330799" y="251834"/>
                      </a:cubicBezTo>
                      <a:lnTo>
                        <a:pt x="257670" y="251834"/>
                      </a:lnTo>
                      <a:cubicBezTo>
                        <a:pt x="191496" y="251834"/>
                        <a:pt x="131159" y="250680"/>
                        <a:pt x="80087" y="249526"/>
                      </a:cubicBezTo>
                      <a:lnTo>
                        <a:pt x="78933" y="133468"/>
                      </a:lnTo>
                      <a:cubicBezTo>
                        <a:pt x="154371" y="140424"/>
                        <a:pt x="244909" y="145073"/>
                        <a:pt x="341252" y="145073"/>
                      </a:cubicBezTo>
                      <a:cubicBezTo>
                        <a:pt x="347054" y="92847"/>
                        <a:pt x="354011" y="44082"/>
                        <a:pt x="362155" y="0"/>
                      </a:cubicBezTo>
                      <a:lnTo>
                        <a:pt x="486357" y="12760"/>
                      </a:lnTo>
                      <a:cubicBezTo>
                        <a:pt x="478246" y="53381"/>
                        <a:pt x="468949" y="97496"/>
                        <a:pt x="461992" y="143919"/>
                      </a:cubicBezTo>
                      <a:cubicBezTo>
                        <a:pt x="578050" y="142765"/>
                        <a:pt x="692955" y="135808"/>
                        <a:pt x="789297" y="126510"/>
                      </a:cubicBezTo>
                      <a:lnTo>
                        <a:pt x="784648" y="236766"/>
                      </a:lnTo>
                      <a:cubicBezTo>
                        <a:pt x="695263" y="242569"/>
                        <a:pt x="573401" y="247218"/>
                        <a:pt x="448045" y="250680"/>
                      </a:cubicBezTo>
                      <a:cubicBezTo>
                        <a:pt x="443396" y="297103"/>
                        <a:pt x="438747" y="347021"/>
                        <a:pt x="435285" y="395753"/>
                      </a:cubicBezTo>
                      <a:cubicBezTo>
                        <a:pt x="482863" y="384147"/>
                        <a:pt x="531627" y="379498"/>
                        <a:pt x="579204" y="379498"/>
                      </a:cubicBezTo>
                      <a:cubicBezTo>
                        <a:pt x="611714" y="379498"/>
                        <a:pt x="643036" y="381806"/>
                        <a:pt x="673205" y="386455"/>
                      </a:cubicBezTo>
                      <a:cubicBezTo>
                        <a:pt x="683657" y="365551"/>
                        <a:pt x="691768" y="344681"/>
                        <a:pt x="699911" y="323777"/>
                      </a:cubicBezTo>
                      <a:lnTo>
                        <a:pt x="818311" y="366705"/>
                      </a:lnTo>
                      <a:cubicBezTo>
                        <a:pt x="810201" y="382960"/>
                        <a:pt x="802056" y="400369"/>
                        <a:pt x="792792" y="417778"/>
                      </a:cubicBezTo>
                      <a:cubicBezTo>
                        <a:pt x="849667" y="442144"/>
                        <a:pt x="984288" y="512965"/>
                        <a:pt x="984288" y="695164"/>
                      </a:cubicBezTo>
                      <a:cubicBezTo>
                        <a:pt x="984288" y="858833"/>
                        <a:pt x="853129" y="1023623"/>
                        <a:pt x="614022" y="1029426"/>
                      </a:cubicBezTo>
                      <a:lnTo>
                        <a:pt x="562950" y="909872"/>
                      </a:lnTo>
                      <a:close/>
                      <a:moveTo>
                        <a:pt x="315731" y="553619"/>
                      </a:moveTo>
                      <a:cubicBezTo>
                        <a:pt x="195024" y="622100"/>
                        <a:pt x="120740" y="734697"/>
                        <a:pt x="120740" y="798529"/>
                      </a:cubicBezTo>
                      <a:cubicBezTo>
                        <a:pt x="120740" y="828697"/>
                        <a:pt x="135841" y="848447"/>
                        <a:pt x="168318" y="848447"/>
                      </a:cubicBezTo>
                      <a:cubicBezTo>
                        <a:pt x="172967" y="848447"/>
                        <a:pt x="221698" y="848447"/>
                        <a:pt x="324997" y="781120"/>
                      </a:cubicBezTo>
                      <a:cubicBezTo>
                        <a:pt x="318040" y="710331"/>
                        <a:pt x="315699" y="632552"/>
                        <a:pt x="315699" y="553619"/>
                      </a:cubicBezTo>
                      <a:close/>
                      <a:moveTo>
                        <a:pt x="579204" y="482830"/>
                      </a:moveTo>
                      <a:cubicBezTo>
                        <a:pt x="531627" y="482830"/>
                        <a:pt x="481708" y="488633"/>
                        <a:pt x="430636" y="503733"/>
                      </a:cubicBezTo>
                      <a:cubicBezTo>
                        <a:pt x="430636" y="576864"/>
                        <a:pt x="431791" y="639542"/>
                        <a:pt x="435285" y="697571"/>
                      </a:cubicBezTo>
                      <a:cubicBezTo>
                        <a:pt x="506075" y="636047"/>
                        <a:pt x="568753" y="561763"/>
                        <a:pt x="618671" y="484017"/>
                      </a:cubicBezTo>
                      <a:cubicBezTo>
                        <a:pt x="605911" y="482863"/>
                        <a:pt x="593151" y="482863"/>
                        <a:pt x="579204" y="482863"/>
                      </a:cubicBez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55" name="Freeform: Shape 54">
                  <a:extLst>
                    <a:ext uri="{FF2B5EF4-FFF2-40B4-BE49-F238E27FC236}">
                      <a16:creationId xmlns:a16="http://schemas.microsoft.com/office/drawing/2014/main" id="{0D074332-A71C-06C6-A9DB-A1765E176B37}"/>
                    </a:ext>
                  </a:extLst>
                </p:cNvPr>
                <p:cNvSpPr/>
                <p:nvPr/>
              </p:nvSpPr>
              <p:spPr>
                <a:xfrm>
                  <a:off x="8736098" y="4599574"/>
                  <a:ext cx="1698904" cy="1698937"/>
                </a:xfrm>
                <a:custGeom>
                  <a:avLst/>
                  <a:gdLst>
                    <a:gd name="connsiteX0" fmla="*/ 1331936 w 1698904"/>
                    <a:gd name="connsiteY0" fmla="*/ 0 h 1698937"/>
                    <a:gd name="connsiteX1" fmla="*/ 366969 w 1698904"/>
                    <a:gd name="connsiteY1" fmla="*/ 0 h 1698937"/>
                    <a:gd name="connsiteX2" fmla="*/ 359221 w 1698904"/>
                    <a:gd name="connsiteY2" fmla="*/ 99 h 1698937"/>
                    <a:gd name="connsiteX3" fmla="*/ 66 w 1698904"/>
                    <a:gd name="connsiteY3" fmla="*/ 359254 h 1698937"/>
                    <a:gd name="connsiteX4" fmla="*/ 90572 w 1698904"/>
                    <a:gd name="connsiteY4" fmla="*/ 359254 h 1698937"/>
                    <a:gd name="connsiteX5" fmla="*/ 359221 w 1698904"/>
                    <a:gd name="connsiteY5" fmla="*/ 90605 h 1698937"/>
                    <a:gd name="connsiteX6" fmla="*/ 366969 w 1698904"/>
                    <a:gd name="connsiteY6" fmla="*/ 90506 h 1698937"/>
                    <a:gd name="connsiteX7" fmla="*/ 1331936 w 1698904"/>
                    <a:gd name="connsiteY7" fmla="*/ 90506 h 1698937"/>
                    <a:gd name="connsiteX8" fmla="*/ 1608432 w 1698904"/>
                    <a:gd name="connsiteY8" fmla="*/ 367002 h 1698937"/>
                    <a:gd name="connsiteX9" fmla="*/ 1608432 w 1698904"/>
                    <a:gd name="connsiteY9" fmla="*/ 1331969 h 1698937"/>
                    <a:gd name="connsiteX10" fmla="*/ 1331936 w 1698904"/>
                    <a:gd name="connsiteY10" fmla="*/ 1608465 h 1698937"/>
                    <a:gd name="connsiteX11" fmla="*/ 366969 w 1698904"/>
                    <a:gd name="connsiteY11" fmla="*/ 1608465 h 1698937"/>
                    <a:gd name="connsiteX12" fmla="*/ 90473 w 1698904"/>
                    <a:gd name="connsiteY12" fmla="*/ 1331969 h 1698937"/>
                    <a:gd name="connsiteX13" fmla="*/ 90473 w 1698904"/>
                    <a:gd name="connsiteY13" fmla="*/ 549695 h 1698937"/>
                    <a:gd name="connsiteX14" fmla="*/ 0 w 1698904"/>
                    <a:gd name="connsiteY14" fmla="*/ 549695 h 1698937"/>
                    <a:gd name="connsiteX15" fmla="*/ 0 w 1698904"/>
                    <a:gd name="connsiteY15" fmla="*/ 1331969 h 1698937"/>
                    <a:gd name="connsiteX16" fmla="*/ 366969 w 1698904"/>
                    <a:gd name="connsiteY16" fmla="*/ 1698938 h 1698937"/>
                    <a:gd name="connsiteX17" fmla="*/ 1331936 w 1698904"/>
                    <a:gd name="connsiteY17" fmla="*/ 1698938 h 1698937"/>
                    <a:gd name="connsiteX18" fmla="*/ 1698905 w 1698904"/>
                    <a:gd name="connsiteY18" fmla="*/ 1331969 h 1698937"/>
                    <a:gd name="connsiteX19" fmla="*/ 1698905 w 1698904"/>
                    <a:gd name="connsiteY19" fmla="*/ 367002 h 1698937"/>
                    <a:gd name="connsiteX20" fmla="*/ 1331936 w 1698904"/>
                    <a:gd name="connsiteY20" fmla="*/ 33 h 16989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1698904" h="1698937">
                      <a:moveTo>
                        <a:pt x="1331936" y="0"/>
                      </a:moveTo>
                      <a:lnTo>
                        <a:pt x="366969" y="0"/>
                      </a:lnTo>
                      <a:cubicBezTo>
                        <a:pt x="364364" y="0"/>
                        <a:pt x="361792" y="33"/>
                        <a:pt x="359221" y="99"/>
                      </a:cubicBezTo>
                      <a:cubicBezTo>
                        <a:pt x="163009" y="4187"/>
                        <a:pt x="4154" y="163009"/>
                        <a:pt x="66" y="359254"/>
                      </a:cubicBezTo>
                      <a:lnTo>
                        <a:pt x="90572" y="359254"/>
                      </a:lnTo>
                      <a:cubicBezTo>
                        <a:pt x="94627" y="212928"/>
                        <a:pt x="212895" y="94660"/>
                        <a:pt x="359221" y="90605"/>
                      </a:cubicBezTo>
                      <a:cubicBezTo>
                        <a:pt x="361792" y="90539"/>
                        <a:pt x="364364" y="90506"/>
                        <a:pt x="366969" y="90506"/>
                      </a:cubicBezTo>
                      <a:lnTo>
                        <a:pt x="1331936" y="90506"/>
                      </a:lnTo>
                      <a:cubicBezTo>
                        <a:pt x="1484394" y="90506"/>
                        <a:pt x="1608432" y="214543"/>
                        <a:pt x="1608432" y="367002"/>
                      </a:cubicBezTo>
                      <a:lnTo>
                        <a:pt x="1608432" y="1331969"/>
                      </a:lnTo>
                      <a:cubicBezTo>
                        <a:pt x="1608432" y="1484427"/>
                        <a:pt x="1484394" y="1608465"/>
                        <a:pt x="1331936" y="1608465"/>
                      </a:cubicBezTo>
                      <a:lnTo>
                        <a:pt x="366969" y="1608465"/>
                      </a:lnTo>
                      <a:cubicBezTo>
                        <a:pt x="214511" y="1608465"/>
                        <a:pt x="90473" y="1484427"/>
                        <a:pt x="90473" y="1331969"/>
                      </a:cubicBezTo>
                      <a:lnTo>
                        <a:pt x="90473" y="549695"/>
                      </a:lnTo>
                      <a:lnTo>
                        <a:pt x="0" y="549695"/>
                      </a:lnTo>
                      <a:lnTo>
                        <a:pt x="0" y="1331969"/>
                      </a:lnTo>
                      <a:cubicBezTo>
                        <a:pt x="0" y="1534313"/>
                        <a:pt x="164625" y="1698938"/>
                        <a:pt x="366969" y="1698938"/>
                      </a:cubicBezTo>
                      <a:lnTo>
                        <a:pt x="1331936" y="1698938"/>
                      </a:lnTo>
                      <a:cubicBezTo>
                        <a:pt x="1534280" y="1698938"/>
                        <a:pt x="1698905" y="1534313"/>
                        <a:pt x="1698905" y="1331969"/>
                      </a:cubicBezTo>
                      <a:lnTo>
                        <a:pt x="1698905" y="367002"/>
                      </a:lnTo>
                      <a:cubicBezTo>
                        <a:pt x="1698905" y="164658"/>
                        <a:pt x="1534280" y="33"/>
                        <a:pt x="1331936" y="33"/>
                      </a:cubicBez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56" name="Freeform: Shape 55">
                  <a:extLst>
                    <a:ext uri="{FF2B5EF4-FFF2-40B4-BE49-F238E27FC236}">
                      <a16:creationId xmlns:a16="http://schemas.microsoft.com/office/drawing/2014/main" id="{394EBFB3-7EAA-56DC-9A0F-371E676AED9B}"/>
                    </a:ext>
                  </a:extLst>
                </p:cNvPr>
                <p:cNvSpPr/>
                <p:nvPr/>
              </p:nvSpPr>
              <p:spPr>
                <a:xfrm>
                  <a:off x="7536871" y="3400380"/>
                  <a:ext cx="1698904" cy="1698904"/>
                </a:xfrm>
                <a:custGeom>
                  <a:avLst/>
                  <a:gdLst>
                    <a:gd name="connsiteX0" fmla="*/ 1698905 w 1698904"/>
                    <a:gd name="connsiteY0" fmla="*/ 1149243 h 1698904"/>
                    <a:gd name="connsiteX1" fmla="*/ 1698905 w 1698904"/>
                    <a:gd name="connsiteY1" fmla="*/ 366969 h 1698904"/>
                    <a:gd name="connsiteX2" fmla="*/ 1331936 w 1698904"/>
                    <a:gd name="connsiteY2" fmla="*/ 0 h 1698904"/>
                    <a:gd name="connsiteX3" fmla="*/ 366969 w 1698904"/>
                    <a:gd name="connsiteY3" fmla="*/ 0 h 1698904"/>
                    <a:gd name="connsiteX4" fmla="*/ 0 w 1698904"/>
                    <a:gd name="connsiteY4" fmla="*/ 366969 h 1698904"/>
                    <a:gd name="connsiteX5" fmla="*/ 0 w 1698904"/>
                    <a:gd name="connsiteY5" fmla="*/ 1331936 h 1698904"/>
                    <a:gd name="connsiteX6" fmla="*/ 366969 w 1698904"/>
                    <a:gd name="connsiteY6" fmla="*/ 1698905 h 1698904"/>
                    <a:gd name="connsiteX7" fmla="*/ 1331936 w 1698904"/>
                    <a:gd name="connsiteY7" fmla="*/ 1698905 h 1698904"/>
                    <a:gd name="connsiteX8" fmla="*/ 1339684 w 1698904"/>
                    <a:gd name="connsiteY8" fmla="*/ 1698806 h 1698904"/>
                    <a:gd name="connsiteX9" fmla="*/ 1698839 w 1698904"/>
                    <a:gd name="connsiteY9" fmla="*/ 1339651 h 1698904"/>
                    <a:gd name="connsiteX10" fmla="*/ 1608333 w 1698904"/>
                    <a:gd name="connsiteY10" fmla="*/ 1339651 h 1698904"/>
                    <a:gd name="connsiteX11" fmla="*/ 1339684 w 1698904"/>
                    <a:gd name="connsiteY11" fmla="*/ 1608300 h 1698904"/>
                    <a:gd name="connsiteX12" fmla="*/ 1331936 w 1698904"/>
                    <a:gd name="connsiteY12" fmla="*/ 1608399 h 1698904"/>
                    <a:gd name="connsiteX13" fmla="*/ 366969 w 1698904"/>
                    <a:gd name="connsiteY13" fmla="*/ 1608399 h 1698904"/>
                    <a:gd name="connsiteX14" fmla="*/ 90473 w 1698904"/>
                    <a:gd name="connsiteY14" fmla="*/ 1331903 h 1698904"/>
                    <a:gd name="connsiteX15" fmla="*/ 90473 w 1698904"/>
                    <a:gd name="connsiteY15" fmla="*/ 366936 h 1698904"/>
                    <a:gd name="connsiteX16" fmla="*/ 366969 w 1698904"/>
                    <a:gd name="connsiteY16" fmla="*/ 90440 h 1698904"/>
                    <a:gd name="connsiteX17" fmla="*/ 1331936 w 1698904"/>
                    <a:gd name="connsiteY17" fmla="*/ 90440 h 1698904"/>
                    <a:gd name="connsiteX18" fmla="*/ 1608432 w 1698904"/>
                    <a:gd name="connsiteY18" fmla="*/ 366936 h 1698904"/>
                    <a:gd name="connsiteX19" fmla="*/ 1608432 w 1698904"/>
                    <a:gd name="connsiteY19" fmla="*/ 1149210 h 1698904"/>
                    <a:gd name="connsiteX20" fmla="*/ 1698905 w 1698904"/>
                    <a:gd name="connsiteY20" fmla="*/ 1149210 h 16989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1698904" h="1698904">
                      <a:moveTo>
                        <a:pt x="1698905" y="1149243"/>
                      </a:moveTo>
                      <a:lnTo>
                        <a:pt x="1698905" y="366969"/>
                      </a:lnTo>
                      <a:cubicBezTo>
                        <a:pt x="1698905" y="164625"/>
                        <a:pt x="1534280" y="0"/>
                        <a:pt x="1331936" y="0"/>
                      </a:cubicBezTo>
                      <a:lnTo>
                        <a:pt x="366969" y="0"/>
                      </a:lnTo>
                      <a:cubicBezTo>
                        <a:pt x="164625" y="0"/>
                        <a:pt x="0" y="164625"/>
                        <a:pt x="0" y="366969"/>
                      </a:cubicBezTo>
                      <a:lnTo>
                        <a:pt x="0" y="1331936"/>
                      </a:lnTo>
                      <a:cubicBezTo>
                        <a:pt x="0" y="1534280"/>
                        <a:pt x="164625" y="1698905"/>
                        <a:pt x="366969" y="1698905"/>
                      </a:cubicBezTo>
                      <a:lnTo>
                        <a:pt x="1331936" y="1698905"/>
                      </a:lnTo>
                      <a:cubicBezTo>
                        <a:pt x="1334541" y="1698905"/>
                        <a:pt x="1337112" y="1698872"/>
                        <a:pt x="1339684" y="1698806"/>
                      </a:cubicBezTo>
                      <a:cubicBezTo>
                        <a:pt x="1535896" y="1694717"/>
                        <a:pt x="1694750" y="1535896"/>
                        <a:pt x="1698839" y="1339651"/>
                      </a:cubicBezTo>
                      <a:lnTo>
                        <a:pt x="1608333" y="1339651"/>
                      </a:lnTo>
                      <a:cubicBezTo>
                        <a:pt x="1604278" y="1485977"/>
                        <a:pt x="1486010" y="1604245"/>
                        <a:pt x="1339684" y="1608300"/>
                      </a:cubicBezTo>
                      <a:cubicBezTo>
                        <a:pt x="1337112" y="1608366"/>
                        <a:pt x="1334541" y="1608399"/>
                        <a:pt x="1331936" y="1608399"/>
                      </a:cubicBezTo>
                      <a:lnTo>
                        <a:pt x="366969" y="1608399"/>
                      </a:lnTo>
                      <a:cubicBezTo>
                        <a:pt x="214510" y="1608399"/>
                        <a:pt x="90473" y="1484362"/>
                        <a:pt x="90473" y="1331903"/>
                      </a:cubicBezTo>
                      <a:lnTo>
                        <a:pt x="90473" y="366936"/>
                      </a:lnTo>
                      <a:cubicBezTo>
                        <a:pt x="90473" y="214478"/>
                        <a:pt x="214510" y="90440"/>
                        <a:pt x="366969" y="90440"/>
                      </a:cubicBezTo>
                      <a:lnTo>
                        <a:pt x="1331936" y="90440"/>
                      </a:lnTo>
                      <a:cubicBezTo>
                        <a:pt x="1484394" y="90440"/>
                        <a:pt x="1608432" y="214478"/>
                        <a:pt x="1608432" y="366936"/>
                      </a:cubicBezTo>
                      <a:lnTo>
                        <a:pt x="1608432" y="1149210"/>
                      </a:lnTo>
                      <a:lnTo>
                        <a:pt x="1698905" y="1149210"/>
                      </a:ln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57" name="Freeform: Shape 56">
                  <a:extLst>
                    <a:ext uri="{FF2B5EF4-FFF2-40B4-BE49-F238E27FC236}">
                      <a16:creationId xmlns:a16="http://schemas.microsoft.com/office/drawing/2014/main" id="{EBE3EB05-8538-5225-3C0B-E14DAA126703}"/>
                    </a:ext>
                  </a:extLst>
                </p:cNvPr>
                <p:cNvSpPr/>
                <p:nvPr/>
              </p:nvSpPr>
              <p:spPr>
                <a:xfrm>
                  <a:off x="9177549" y="4996382"/>
                  <a:ext cx="815970" cy="905321"/>
                </a:xfrm>
                <a:custGeom>
                  <a:avLst/>
                  <a:gdLst>
                    <a:gd name="connsiteX0" fmla="*/ 679008 w 815970"/>
                    <a:gd name="connsiteY0" fmla="*/ 905322 h 905321"/>
                    <a:gd name="connsiteX1" fmla="*/ 587315 w 815970"/>
                    <a:gd name="connsiteY1" fmla="*/ 647653 h 905321"/>
                    <a:gd name="connsiteX2" fmla="*/ 228654 w 815970"/>
                    <a:gd name="connsiteY2" fmla="*/ 647653 h 905321"/>
                    <a:gd name="connsiteX3" fmla="*/ 134654 w 815970"/>
                    <a:gd name="connsiteY3" fmla="*/ 905322 h 905321"/>
                    <a:gd name="connsiteX4" fmla="*/ 0 w 815970"/>
                    <a:gd name="connsiteY4" fmla="*/ 905322 h 905321"/>
                    <a:gd name="connsiteX5" fmla="*/ 323843 w 815970"/>
                    <a:gd name="connsiteY5" fmla="*/ 0 h 905321"/>
                    <a:gd name="connsiteX6" fmla="*/ 492127 w 815970"/>
                    <a:gd name="connsiteY6" fmla="*/ 0 h 905321"/>
                    <a:gd name="connsiteX7" fmla="*/ 815970 w 815970"/>
                    <a:gd name="connsiteY7" fmla="*/ 905322 h 905321"/>
                    <a:gd name="connsiteX8" fmla="*/ 679008 w 815970"/>
                    <a:gd name="connsiteY8" fmla="*/ 905322 h 905321"/>
                    <a:gd name="connsiteX9" fmla="*/ 550189 w 815970"/>
                    <a:gd name="connsiteY9" fmla="*/ 533902 h 905321"/>
                    <a:gd name="connsiteX10" fmla="*/ 409765 w 815970"/>
                    <a:gd name="connsiteY10" fmla="*/ 125356 h 905321"/>
                    <a:gd name="connsiteX11" fmla="*/ 406270 w 815970"/>
                    <a:gd name="connsiteY11" fmla="*/ 125356 h 905321"/>
                    <a:gd name="connsiteX12" fmla="*/ 265813 w 815970"/>
                    <a:gd name="connsiteY12" fmla="*/ 533902 h 905321"/>
                    <a:gd name="connsiteX13" fmla="*/ 550189 w 815970"/>
                    <a:gd name="connsiteY13" fmla="*/ 533902 h 90532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815970" h="905321">
                      <a:moveTo>
                        <a:pt x="679008" y="905322"/>
                      </a:moveTo>
                      <a:lnTo>
                        <a:pt x="587315" y="647653"/>
                      </a:lnTo>
                      <a:lnTo>
                        <a:pt x="228654" y="647653"/>
                      </a:lnTo>
                      <a:lnTo>
                        <a:pt x="134654" y="905322"/>
                      </a:lnTo>
                      <a:lnTo>
                        <a:pt x="0" y="905322"/>
                      </a:lnTo>
                      <a:lnTo>
                        <a:pt x="323843" y="0"/>
                      </a:lnTo>
                      <a:lnTo>
                        <a:pt x="492127" y="0"/>
                      </a:lnTo>
                      <a:lnTo>
                        <a:pt x="815970" y="905322"/>
                      </a:lnTo>
                      <a:lnTo>
                        <a:pt x="679008" y="905322"/>
                      </a:lnTo>
                      <a:close/>
                      <a:moveTo>
                        <a:pt x="550189" y="533902"/>
                      </a:moveTo>
                      <a:cubicBezTo>
                        <a:pt x="538583" y="495589"/>
                        <a:pt x="415568" y="161328"/>
                        <a:pt x="409765" y="125356"/>
                      </a:cubicBezTo>
                      <a:lnTo>
                        <a:pt x="406270" y="125356"/>
                      </a:lnTo>
                      <a:cubicBezTo>
                        <a:pt x="400468" y="161328"/>
                        <a:pt x="278606" y="494435"/>
                        <a:pt x="265813" y="533902"/>
                      </a:cubicBezTo>
                      <a:lnTo>
                        <a:pt x="550189" y="533902"/>
                      </a:ln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grpSp>
            <p:nvGrpSpPr>
              <p:cNvPr id="51" name="Graphic 30">
                <a:extLst>
                  <a:ext uri="{FF2B5EF4-FFF2-40B4-BE49-F238E27FC236}">
                    <a16:creationId xmlns:a16="http://schemas.microsoft.com/office/drawing/2014/main" id="{DE919D68-B27A-CA8F-6B7E-DF75F1949F39}"/>
                  </a:ext>
                </a:extLst>
              </p:cNvPr>
              <p:cNvGrpSpPr/>
              <p:nvPr/>
            </p:nvGrpSpPr>
            <p:grpSpPr>
              <a:xfrm>
                <a:off x="7875881" y="3632135"/>
                <a:ext cx="2220078" cy="2434556"/>
                <a:chOff x="7875881" y="3632135"/>
                <a:chExt cx="2220078" cy="2434556"/>
              </a:xfrm>
              <a:grpFill/>
            </p:grpSpPr>
            <p:sp>
              <p:nvSpPr>
                <p:cNvPr id="52" name="Freeform: Shape 51">
                  <a:extLst>
                    <a:ext uri="{FF2B5EF4-FFF2-40B4-BE49-F238E27FC236}">
                      <a16:creationId xmlns:a16="http://schemas.microsoft.com/office/drawing/2014/main" id="{5BF3457C-3BA5-0AF9-A457-6C6505B108BA}"/>
                    </a:ext>
                  </a:extLst>
                </p:cNvPr>
                <p:cNvSpPr/>
                <p:nvPr/>
              </p:nvSpPr>
              <p:spPr>
                <a:xfrm>
                  <a:off x="7875881" y="5307036"/>
                  <a:ext cx="723387" cy="759655"/>
                </a:xfrm>
                <a:custGeom>
                  <a:avLst/>
                  <a:gdLst>
                    <a:gd name="connsiteX0" fmla="*/ 723387 w 723387"/>
                    <a:gd name="connsiteY0" fmla="*/ 580820 h 759655"/>
                    <a:gd name="connsiteX1" fmla="*/ 413623 w 723387"/>
                    <a:gd name="connsiteY1" fmla="*/ 401984 h 759655"/>
                    <a:gd name="connsiteX2" fmla="*/ 413623 w 723387"/>
                    <a:gd name="connsiteY2" fmla="*/ 530968 h 759655"/>
                    <a:gd name="connsiteX3" fmla="*/ 366969 w 723387"/>
                    <a:gd name="connsiteY3" fmla="*/ 530968 h 759655"/>
                    <a:gd name="connsiteX4" fmla="*/ 90473 w 723387"/>
                    <a:gd name="connsiteY4" fmla="*/ 254472 h 759655"/>
                    <a:gd name="connsiteX5" fmla="*/ 90473 w 723387"/>
                    <a:gd name="connsiteY5" fmla="*/ 0 h 759655"/>
                    <a:gd name="connsiteX6" fmla="*/ 0 w 723387"/>
                    <a:gd name="connsiteY6" fmla="*/ 0 h 759655"/>
                    <a:gd name="connsiteX7" fmla="*/ 0 w 723387"/>
                    <a:gd name="connsiteY7" fmla="*/ 254472 h 759655"/>
                    <a:gd name="connsiteX8" fmla="*/ 366969 w 723387"/>
                    <a:gd name="connsiteY8" fmla="*/ 621440 h 759655"/>
                    <a:gd name="connsiteX9" fmla="*/ 413623 w 723387"/>
                    <a:gd name="connsiteY9" fmla="*/ 621440 h 759655"/>
                    <a:gd name="connsiteX10" fmla="*/ 413623 w 723387"/>
                    <a:gd name="connsiteY10" fmla="*/ 759655 h 759655"/>
                    <a:gd name="connsiteX11" fmla="*/ 723387 w 723387"/>
                    <a:gd name="connsiteY11" fmla="*/ 580820 h 7596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723387" h="759655">
                      <a:moveTo>
                        <a:pt x="723387" y="580820"/>
                      </a:moveTo>
                      <a:lnTo>
                        <a:pt x="413623" y="401984"/>
                      </a:lnTo>
                      <a:lnTo>
                        <a:pt x="413623" y="530968"/>
                      </a:lnTo>
                      <a:lnTo>
                        <a:pt x="366969" y="530968"/>
                      </a:lnTo>
                      <a:cubicBezTo>
                        <a:pt x="214510" y="530968"/>
                        <a:pt x="90473" y="406930"/>
                        <a:pt x="90473" y="254472"/>
                      </a:cubicBezTo>
                      <a:lnTo>
                        <a:pt x="90473" y="0"/>
                      </a:lnTo>
                      <a:lnTo>
                        <a:pt x="0" y="0"/>
                      </a:lnTo>
                      <a:lnTo>
                        <a:pt x="0" y="254472"/>
                      </a:lnTo>
                      <a:cubicBezTo>
                        <a:pt x="0" y="456816"/>
                        <a:pt x="164625" y="621440"/>
                        <a:pt x="366969" y="621440"/>
                      </a:cubicBezTo>
                      <a:lnTo>
                        <a:pt x="413623" y="621440"/>
                      </a:lnTo>
                      <a:lnTo>
                        <a:pt x="413623" y="759655"/>
                      </a:lnTo>
                      <a:lnTo>
                        <a:pt x="723387" y="580820"/>
                      </a:lnTo>
                      <a:close/>
                    </a:path>
                  </a:pathLst>
                </a:custGeom>
                <a:grpFill/>
                <a:ln w="824"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53" name="Freeform: Shape 52">
                  <a:extLst>
                    <a:ext uri="{FF2B5EF4-FFF2-40B4-BE49-F238E27FC236}">
                      <a16:creationId xmlns:a16="http://schemas.microsoft.com/office/drawing/2014/main" id="{7B137B68-B6F3-BC47-AC10-E5812D81773F}"/>
                    </a:ext>
                  </a:extLst>
                </p:cNvPr>
                <p:cNvSpPr/>
                <p:nvPr/>
              </p:nvSpPr>
              <p:spPr>
                <a:xfrm>
                  <a:off x="9372573" y="3632135"/>
                  <a:ext cx="723386" cy="759655"/>
                </a:xfrm>
                <a:custGeom>
                  <a:avLst/>
                  <a:gdLst>
                    <a:gd name="connsiteX0" fmla="*/ 356419 w 723386"/>
                    <a:gd name="connsiteY0" fmla="*/ 138215 h 759655"/>
                    <a:gd name="connsiteX1" fmla="*/ 309764 w 723386"/>
                    <a:gd name="connsiteY1" fmla="*/ 138215 h 759655"/>
                    <a:gd name="connsiteX2" fmla="*/ 309764 w 723386"/>
                    <a:gd name="connsiteY2" fmla="*/ 0 h 759655"/>
                    <a:gd name="connsiteX3" fmla="*/ 0 w 723386"/>
                    <a:gd name="connsiteY3" fmla="*/ 178836 h 759655"/>
                    <a:gd name="connsiteX4" fmla="*/ 309764 w 723386"/>
                    <a:gd name="connsiteY4" fmla="*/ 357671 h 759655"/>
                    <a:gd name="connsiteX5" fmla="*/ 309764 w 723386"/>
                    <a:gd name="connsiteY5" fmla="*/ 228688 h 759655"/>
                    <a:gd name="connsiteX6" fmla="*/ 356419 w 723386"/>
                    <a:gd name="connsiteY6" fmla="*/ 228688 h 759655"/>
                    <a:gd name="connsiteX7" fmla="*/ 632914 w 723386"/>
                    <a:gd name="connsiteY7" fmla="*/ 505184 h 759655"/>
                    <a:gd name="connsiteX8" fmla="*/ 632914 w 723386"/>
                    <a:gd name="connsiteY8" fmla="*/ 759655 h 759655"/>
                    <a:gd name="connsiteX9" fmla="*/ 723387 w 723386"/>
                    <a:gd name="connsiteY9" fmla="*/ 759655 h 759655"/>
                    <a:gd name="connsiteX10" fmla="*/ 723387 w 723386"/>
                    <a:gd name="connsiteY10" fmla="*/ 505184 h 759655"/>
                    <a:gd name="connsiteX11" fmla="*/ 356419 w 723386"/>
                    <a:gd name="connsiteY11" fmla="*/ 138215 h 7596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723386" h="759655">
                      <a:moveTo>
                        <a:pt x="356419" y="138215"/>
                      </a:moveTo>
                      <a:lnTo>
                        <a:pt x="309764" y="138215"/>
                      </a:lnTo>
                      <a:lnTo>
                        <a:pt x="309764" y="0"/>
                      </a:lnTo>
                      <a:lnTo>
                        <a:pt x="0" y="178836"/>
                      </a:lnTo>
                      <a:lnTo>
                        <a:pt x="309764" y="357671"/>
                      </a:lnTo>
                      <a:lnTo>
                        <a:pt x="309764" y="228688"/>
                      </a:lnTo>
                      <a:lnTo>
                        <a:pt x="356419" y="228688"/>
                      </a:lnTo>
                      <a:cubicBezTo>
                        <a:pt x="508877" y="228688"/>
                        <a:pt x="632914" y="352725"/>
                        <a:pt x="632914" y="505184"/>
                      </a:cubicBezTo>
                      <a:lnTo>
                        <a:pt x="632914" y="759655"/>
                      </a:lnTo>
                      <a:lnTo>
                        <a:pt x="723387" y="759655"/>
                      </a:lnTo>
                      <a:lnTo>
                        <a:pt x="723387" y="505184"/>
                      </a:lnTo>
                      <a:cubicBezTo>
                        <a:pt x="723387" y="302840"/>
                        <a:pt x="558762" y="138215"/>
                        <a:pt x="356419" y="138215"/>
                      </a:cubicBezTo>
                      <a:close/>
                    </a:path>
                  </a:pathLst>
                </a:custGeom>
                <a:grpFill/>
                <a:ln w="824"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grpSp>
      </p:grpSp>
      <p:sp>
        <p:nvSpPr>
          <p:cNvPr id="58" name="Rectangle: Rounded Corners 57">
            <a:hlinkClick r:id="rId4"/>
            <a:extLst>
              <a:ext uri="{FF2B5EF4-FFF2-40B4-BE49-F238E27FC236}">
                <a16:creationId xmlns:a16="http://schemas.microsoft.com/office/drawing/2014/main" id="{04EE9147-78C2-35E8-40D1-EB0C3CC7494C}"/>
              </a:ext>
            </a:extLst>
          </p:cNvPr>
          <p:cNvSpPr/>
          <p:nvPr/>
        </p:nvSpPr>
        <p:spPr>
          <a:xfrm>
            <a:off x="6606533" y="4594033"/>
            <a:ext cx="1248127" cy="364046"/>
          </a:xfrm>
          <a:prstGeom prst="roundRect">
            <a:avLst>
              <a:gd name="adj" fmla="val 24882"/>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Demo</a:t>
            </a:r>
            <a:endParaRPr lang="en-IN" sz="1200" u="sng" dirty="0">
              <a:solidFill>
                <a:schemeClr val="bg1"/>
              </a:solidFill>
              <a:latin typeface="Roboto SemiBold" panose="02000000000000000000" pitchFamily="2" charset="0"/>
              <a:ea typeface="Roboto SemiBold" panose="02000000000000000000" pitchFamily="2" charset="0"/>
            </a:endParaRPr>
          </a:p>
        </p:txBody>
      </p:sp>
      <p:pic>
        <p:nvPicPr>
          <p:cNvPr id="60" name="Picture 59" descr="A screenshot of a video game&#10;&#10;Description automatically generated">
            <a:extLst>
              <a:ext uri="{FF2B5EF4-FFF2-40B4-BE49-F238E27FC236}">
                <a16:creationId xmlns:a16="http://schemas.microsoft.com/office/drawing/2014/main" id="{67EA1C49-F4E9-F64E-7C7D-15AE6C033FD3}"/>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6606533" y="1698407"/>
            <a:ext cx="4971079" cy="2795569"/>
          </a:xfrm>
          <a:prstGeom prst="roundRect">
            <a:avLst>
              <a:gd name="adj" fmla="val 1210"/>
            </a:avLst>
          </a:prstGeom>
          <a:ln>
            <a:solidFill>
              <a:schemeClr val="accent6">
                <a:lumMod val="50000"/>
              </a:schemeClr>
            </a:solidFill>
          </a:ln>
        </p:spPr>
      </p:pic>
    </p:spTree>
    <p:extLst>
      <p:ext uri="{BB962C8B-B14F-4D97-AF65-F5344CB8AC3E}">
        <p14:creationId xmlns:p14="http://schemas.microsoft.com/office/powerpoint/2010/main" val="1322627783"/>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1490493-C165-70C0-C96D-BF632995ABDC}"/>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02329F18-6DE9-EA4E-3088-F776CA3C2D5F}"/>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70E1D70C-310F-09E2-6FE6-1D4E3F904416}"/>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32" name="Title 15">
            <a:extLst>
              <a:ext uri="{FF2B5EF4-FFF2-40B4-BE49-F238E27FC236}">
                <a16:creationId xmlns:a16="http://schemas.microsoft.com/office/drawing/2014/main" id="{F68F1AEC-4B6C-52C8-637C-8EF6BBC79D45}"/>
              </a:ext>
            </a:extLst>
          </p:cNvPr>
          <p:cNvSpPr>
            <a:spLocks noGrp="1"/>
          </p:cNvSpPr>
          <p:nvPr>
            <p:ph type="title"/>
          </p:nvPr>
        </p:nvSpPr>
        <p:spPr/>
        <p:txBody>
          <a:bodyPr>
            <a:normAutofit/>
          </a:bodyPr>
          <a:lstStyle/>
          <a:p>
            <a:r>
              <a:rPr lang="en-US" dirty="0">
                <a:solidFill>
                  <a:schemeClr val="bg1"/>
                </a:solidFill>
                <a:ea typeface="Roboto SemiBold" panose="02000000000000000000" pitchFamily="2" charset="0"/>
              </a:rPr>
              <a:t>AI-driven Learning Experience: Sample 2</a:t>
            </a:r>
          </a:p>
        </p:txBody>
      </p:sp>
      <p:sp>
        <p:nvSpPr>
          <p:cNvPr id="5" name="TextBox 4">
            <a:extLst>
              <a:ext uri="{FF2B5EF4-FFF2-40B4-BE49-F238E27FC236}">
                <a16:creationId xmlns:a16="http://schemas.microsoft.com/office/drawing/2014/main" id="{732C3CF3-2CBF-CBA7-8DD7-FC455EE20D16}"/>
              </a:ext>
            </a:extLst>
          </p:cNvPr>
          <p:cNvSpPr txBox="1"/>
          <p:nvPr/>
        </p:nvSpPr>
        <p:spPr>
          <a:xfrm>
            <a:off x="446939" y="1615592"/>
            <a:ext cx="5633313" cy="954107"/>
          </a:xfrm>
          <a:prstGeom prst="rect">
            <a:avLst/>
          </a:prstGeom>
          <a:noFill/>
        </p:spPr>
        <p:txBody>
          <a:bodyPr wrap="square" rtlCol="0">
            <a:spAutoFit/>
          </a:bodyPr>
          <a:lstStyle/>
          <a:p>
            <a:r>
              <a:rPr lang="en-US" sz="1400" dirty="0">
                <a:latin typeface="Roboto SemiBold" panose="02000000000000000000" pitchFamily="2" charset="0"/>
                <a:ea typeface="Roboto SemiBold" panose="02000000000000000000" pitchFamily="2" charset="0"/>
                <a:cs typeface="Roboto" panose="02000000000000000000" pitchFamily="2" charset="0"/>
              </a:rPr>
              <a:t>Inspired by the hospitality industry’s push for immersive training and realistic simulations, this POC—</a:t>
            </a:r>
            <a:r>
              <a:rPr lang="en-US" sz="1400" b="1" dirty="0">
                <a:latin typeface="Roboto SemiBold" panose="02000000000000000000" pitchFamily="2" charset="0"/>
                <a:ea typeface="Roboto SemiBold" panose="02000000000000000000" pitchFamily="2" charset="0"/>
                <a:cs typeface="Roboto" panose="02000000000000000000" pitchFamily="2" charset="0"/>
              </a:rPr>
              <a:t>Live Bar Experience</a:t>
            </a:r>
            <a:r>
              <a:rPr lang="en-US" sz="1400" dirty="0">
                <a:latin typeface="Roboto SemiBold" panose="02000000000000000000" pitchFamily="2" charset="0"/>
                <a:ea typeface="Roboto SemiBold" panose="02000000000000000000" pitchFamily="2" charset="0"/>
                <a:cs typeface="Roboto" panose="02000000000000000000" pitchFamily="2" charset="0"/>
              </a:rPr>
              <a:t>—replicates an authentic bar environment to train staff in customer interaction, service protocols, and decision-making using advanced AI tools.</a:t>
            </a:r>
          </a:p>
        </p:txBody>
      </p:sp>
      <p:grpSp>
        <p:nvGrpSpPr>
          <p:cNvPr id="4" name="Group 3">
            <a:extLst>
              <a:ext uri="{FF2B5EF4-FFF2-40B4-BE49-F238E27FC236}">
                <a16:creationId xmlns:a16="http://schemas.microsoft.com/office/drawing/2014/main" id="{A6B4A873-B6F8-9A87-102C-14E5DE216F8F}"/>
              </a:ext>
            </a:extLst>
          </p:cNvPr>
          <p:cNvGrpSpPr/>
          <p:nvPr/>
        </p:nvGrpSpPr>
        <p:grpSpPr>
          <a:xfrm>
            <a:off x="509324" y="2831052"/>
            <a:ext cx="4355539" cy="2510308"/>
            <a:chOff x="509324" y="3046496"/>
            <a:chExt cx="4355539" cy="2510308"/>
          </a:xfrm>
        </p:grpSpPr>
        <p:sp>
          <p:nvSpPr>
            <p:cNvPr id="2" name="Oval 1">
              <a:extLst>
                <a:ext uri="{FF2B5EF4-FFF2-40B4-BE49-F238E27FC236}">
                  <a16:creationId xmlns:a16="http://schemas.microsoft.com/office/drawing/2014/main" id="{0CB4E252-73B0-91EC-3B49-EE31C4859B1E}"/>
                </a:ext>
              </a:extLst>
            </p:cNvPr>
            <p:cNvSpPr/>
            <p:nvPr/>
          </p:nvSpPr>
          <p:spPr>
            <a:xfrm>
              <a:off x="509324" y="3060258"/>
              <a:ext cx="525818" cy="525818"/>
            </a:xfrm>
            <a:prstGeom prst="ellipse">
              <a:avLst/>
            </a:prstGeom>
            <a:noFill/>
            <a:ln w="6350">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solidFill>
                  <a:schemeClr val="tx1"/>
                </a:solidFill>
                <a:latin typeface="Roboto SemiBold" panose="02000000000000000000" pitchFamily="2" charset="0"/>
              </a:endParaRPr>
            </a:p>
          </p:txBody>
        </p:sp>
        <p:sp>
          <p:nvSpPr>
            <p:cNvPr id="3" name="Oval 2">
              <a:extLst>
                <a:ext uri="{FF2B5EF4-FFF2-40B4-BE49-F238E27FC236}">
                  <a16:creationId xmlns:a16="http://schemas.microsoft.com/office/drawing/2014/main" id="{EF26155B-E597-9E66-605C-3DE27B0C0086}"/>
                </a:ext>
              </a:extLst>
            </p:cNvPr>
            <p:cNvSpPr/>
            <p:nvPr/>
          </p:nvSpPr>
          <p:spPr>
            <a:xfrm>
              <a:off x="509324" y="3702539"/>
              <a:ext cx="525818" cy="525818"/>
            </a:xfrm>
            <a:prstGeom prst="ellipse">
              <a:avLst/>
            </a:prstGeom>
            <a:noFill/>
            <a:ln w="6350">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solidFill>
                  <a:schemeClr val="tx1"/>
                </a:solidFill>
                <a:latin typeface="Roboto SemiBold" panose="02000000000000000000" pitchFamily="2" charset="0"/>
              </a:endParaRPr>
            </a:p>
          </p:txBody>
        </p:sp>
        <p:sp>
          <p:nvSpPr>
            <p:cNvPr id="16" name="Oval 15">
              <a:extLst>
                <a:ext uri="{FF2B5EF4-FFF2-40B4-BE49-F238E27FC236}">
                  <a16:creationId xmlns:a16="http://schemas.microsoft.com/office/drawing/2014/main" id="{388BF7FB-72BC-A40B-0296-21ED79E1F9D1}"/>
                </a:ext>
              </a:extLst>
            </p:cNvPr>
            <p:cNvSpPr/>
            <p:nvPr/>
          </p:nvSpPr>
          <p:spPr>
            <a:xfrm>
              <a:off x="509324" y="4388704"/>
              <a:ext cx="525818" cy="525818"/>
            </a:xfrm>
            <a:prstGeom prst="ellipse">
              <a:avLst/>
            </a:prstGeom>
            <a:noFill/>
            <a:ln w="6350">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solidFill>
                  <a:schemeClr val="tx1"/>
                </a:solidFill>
                <a:latin typeface="Roboto SemiBold" panose="02000000000000000000" pitchFamily="2" charset="0"/>
              </a:endParaRPr>
            </a:p>
          </p:txBody>
        </p:sp>
        <p:sp>
          <p:nvSpPr>
            <p:cNvPr id="46" name="TextBox 45">
              <a:extLst>
                <a:ext uri="{FF2B5EF4-FFF2-40B4-BE49-F238E27FC236}">
                  <a16:creationId xmlns:a16="http://schemas.microsoft.com/office/drawing/2014/main" id="{B52DAB4D-FA55-9A70-31BC-1F4D316490C9}"/>
                </a:ext>
              </a:extLst>
            </p:cNvPr>
            <p:cNvSpPr txBox="1"/>
            <p:nvPr/>
          </p:nvSpPr>
          <p:spPr>
            <a:xfrm>
              <a:off x="1074640" y="3046496"/>
              <a:ext cx="3495220" cy="307777"/>
            </a:xfrm>
            <a:prstGeom prst="rect">
              <a:avLst/>
            </a:prstGeom>
            <a:noFill/>
          </p:spPr>
          <p:txBody>
            <a:bodyPr wrap="square" rtlCol="0">
              <a:spAutoFit/>
            </a:bodyPr>
            <a:lstStyle/>
            <a:p>
              <a:pPr marR="0" lvl="0">
                <a:spcBef>
                  <a:spcPts val="0"/>
                </a:spcBef>
                <a:spcAft>
                  <a:spcPts val="800"/>
                </a:spcAft>
              </a:pPr>
              <a:r>
                <a:rPr lang="en-US" sz="1400" b="1" kern="100" dirty="0">
                  <a:latin typeface="Roboto SemiBold" panose="02000000000000000000" pitchFamily="2" charset="0"/>
                  <a:ea typeface="Roboto SemiBold" panose="02000000000000000000" pitchFamily="2" charset="0"/>
                  <a:cs typeface="Arial" panose="020B0604020202020204" pitchFamily="34" charset="0"/>
                </a:rPr>
                <a:t>AI Avatar</a:t>
              </a:r>
              <a:endParaRPr lang="en-US" sz="1400" kern="100" dirty="0">
                <a:latin typeface="Roboto SemiBold" panose="02000000000000000000" pitchFamily="2" charset="0"/>
                <a:ea typeface="Roboto SemiBold" panose="02000000000000000000" pitchFamily="2" charset="0"/>
                <a:cs typeface="Arial" panose="020B0604020202020204" pitchFamily="34" charset="0"/>
              </a:endParaRPr>
            </a:p>
          </p:txBody>
        </p:sp>
        <p:sp>
          <p:nvSpPr>
            <p:cNvPr id="59" name="TextBox 58">
              <a:extLst>
                <a:ext uri="{FF2B5EF4-FFF2-40B4-BE49-F238E27FC236}">
                  <a16:creationId xmlns:a16="http://schemas.microsoft.com/office/drawing/2014/main" id="{18116A07-E9DA-4F3B-330E-A66BFFF648E8}"/>
                </a:ext>
              </a:extLst>
            </p:cNvPr>
            <p:cNvSpPr txBox="1"/>
            <p:nvPr/>
          </p:nvSpPr>
          <p:spPr>
            <a:xfrm>
              <a:off x="1074640" y="3257423"/>
              <a:ext cx="2995011" cy="276999"/>
            </a:xfrm>
            <a:prstGeom prst="rect">
              <a:avLst/>
            </a:prstGeom>
            <a:noFill/>
          </p:spPr>
          <p:txBody>
            <a:bodyPr wrap="square" rtlCol="0">
              <a:spAutoFit/>
            </a:bodyPr>
            <a:lstStyle/>
            <a:p>
              <a:pPr marR="0" lvl="0">
                <a:spcBef>
                  <a:spcPts val="0"/>
                </a:spcBef>
                <a:spcAft>
                  <a:spcPts val="800"/>
                </a:spcAft>
              </a:pPr>
              <a:r>
                <a:rPr lang="en-US" sz="1200" kern="100" dirty="0">
                  <a:latin typeface="Roboto SemiBold" panose="02000000000000000000" pitchFamily="2" charset="0"/>
                  <a:ea typeface="Roboto SemiBold" panose="02000000000000000000" pitchFamily="2" charset="0"/>
                  <a:cs typeface="Arial" panose="020B0604020202020204" pitchFamily="34" charset="0"/>
                </a:rPr>
                <a:t>Personalized, simplified guidance </a:t>
              </a:r>
            </a:p>
          </p:txBody>
        </p:sp>
        <p:sp>
          <p:nvSpPr>
            <p:cNvPr id="61" name="TextBox 60">
              <a:extLst>
                <a:ext uri="{FF2B5EF4-FFF2-40B4-BE49-F238E27FC236}">
                  <a16:creationId xmlns:a16="http://schemas.microsoft.com/office/drawing/2014/main" id="{2477BE6A-B8AF-95CD-E2C5-1BB94C28B41D}"/>
                </a:ext>
              </a:extLst>
            </p:cNvPr>
            <p:cNvSpPr txBox="1"/>
            <p:nvPr/>
          </p:nvSpPr>
          <p:spPr>
            <a:xfrm>
              <a:off x="1074639" y="3719566"/>
              <a:ext cx="3766835" cy="307777"/>
            </a:xfrm>
            <a:prstGeom prst="rect">
              <a:avLst/>
            </a:prstGeom>
            <a:noFill/>
          </p:spPr>
          <p:txBody>
            <a:bodyPr wrap="square" rtlCol="0">
              <a:spAutoFit/>
            </a:bodyPr>
            <a:lstStyle/>
            <a:p>
              <a:pPr marR="0" lvl="0">
                <a:spcBef>
                  <a:spcPts val="0"/>
                </a:spcBef>
                <a:spcAft>
                  <a:spcPts val="800"/>
                </a:spcAft>
              </a:pPr>
              <a:r>
                <a:rPr lang="en-US" sz="1400" b="1" kern="100" dirty="0">
                  <a:latin typeface="Roboto SemiBold" panose="02000000000000000000" pitchFamily="2" charset="0"/>
                  <a:ea typeface="Roboto SemiBold" panose="02000000000000000000" pitchFamily="2" charset="0"/>
                  <a:cs typeface="Arial" panose="020B0604020202020204" pitchFamily="34" charset="0"/>
                </a:rPr>
                <a:t>360-degree Learning Journey </a:t>
              </a:r>
              <a:endParaRPr lang="en-US" sz="1400" kern="100" dirty="0">
                <a:latin typeface="Roboto SemiBold" panose="02000000000000000000" pitchFamily="2" charset="0"/>
                <a:ea typeface="Roboto SemiBold" panose="02000000000000000000" pitchFamily="2" charset="0"/>
                <a:cs typeface="Arial" panose="020B0604020202020204" pitchFamily="34" charset="0"/>
              </a:endParaRPr>
            </a:p>
          </p:txBody>
        </p:sp>
        <p:sp>
          <p:nvSpPr>
            <p:cNvPr id="62" name="TextBox 61">
              <a:extLst>
                <a:ext uri="{FF2B5EF4-FFF2-40B4-BE49-F238E27FC236}">
                  <a16:creationId xmlns:a16="http://schemas.microsoft.com/office/drawing/2014/main" id="{332D0A9E-8CB9-44BB-9725-D9B38A05201E}"/>
                </a:ext>
              </a:extLst>
            </p:cNvPr>
            <p:cNvSpPr txBox="1"/>
            <p:nvPr/>
          </p:nvSpPr>
          <p:spPr>
            <a:xfrm>
              <a:off x="1074640" y="3933220"/>
              <a:ext cx="2995011" cy="276999"/>
            </a:xfrm>
            <a:prstGeom prst="rect">
              <a:avLst/>
            </a:prstGeom>
            <a:noFill/>
          </p:spPr>
          <p:txBody>
            <a:bodyPr wrap="square" rtlCol="0">
              <a:spAutoFit/>
            </a:bodyPr>
            <a:lstStyle/>
            <a:p>
              <a:pPr marR="0" lvl="0">
                <a:spcBef>
                  <a:spcPts val="0"/>
                </a:spcBef>
                <a:spcAft>
                  <a:spcPts val="800"/>
                </a:spcAft>
              </a:pPr>
              <a:r>
                <a:rPr lang="en-US" sz="1200" kern="100" dirty="0">
                  <a:latin typeface="Roboto SemiBold" panose="02000000000000000000" pitchFamily="2" charset="0"/>
                  <a:ea typeface="Roboto SemiBold" panose="02000000000000000000" pitchFamily="2" charset="0"/>
                  <a:cs typeface="Arial" panose="020B0604020202020204" pitchFamily="34" charset="0"/>
                </a:rPr>
                <a:t>Immersive, hands-on exploration</a:t>
              </a:r>
            </a:p>
          </p:txBody>
        </p:sp>
        <p:sp>
          <p:nvSpPr>
            <p:cNvPr id="65" name="TextBox 64">
              <a:extLst>
                <a:ext uri="{FF2B5EF4-FFF2-40B4-BE49-F238E27FC236}">
                  <a16:creationId xmlns:a16="http://schemas.microsoft.com/office/drawing/2014/main" id="{9355D382-3CC2-72E2-6CC4-20991ACD9AA8}"/>
                </a:ext>
              </a:extLst>
            </p:cNvPr>
            <p:cNvSpPr txBox="1"/>
            <p:nvPr/>
          </p:nvSpPr>
          <p:spPr>
            <a:xfrm>
              <a:off x="1083707" y="4392636"/>
              <a:ext cx="3766835" cy="307777"/>
            </a:xfrm>
            <a:prstGeom prst="rect">
              <a:avLst/>
            </a:prstGeom>
            <a:noFill/>
          </p:spPr>
          <p:txBody>
            <a:bodyPr wrap="square" rtlCol="0">
              <a:spAutoFit/>
            </a:bodyPr>
            <a:lstStyle/>
            <a:p>
              <a:pPr marR="0" lvl="0">
                <a:spcBef>
                  <a:spcPts val="0"/>
                </a:spcBef>
                <a:spcAft>
                  <a:spcPts val="800"/>
                </a:spcAft>
              </a:pPr>
              <a:r>
                <a:rPr lang="en-US" sz="1400" b="1" kern="100" dirty="0">
                  <a:latin typeface="Roboto SemiBold" panose="02000000000000000000" pitchFamily="2" charset="0"/>
                  <a:ea typeface="Roboto SemiBold" panose="02000000000000000000" pitchFamily="2" charset="0"/>
                  <a:cs typeface="Arial" panose="020B0604020202020204" pitchFamily="34" charset="0"/>
                </a:rPr>
                <a:t>Language Selection</a:t>
              </a:r>
              <a:endParaRPr lang="en-US" sz="1400" kern="100" dirty="0">
                <a:latin typeface="Roboto SemiBold" panose="02000000000000000000" pitchFamily="2" charset="0"/>
                <a:ea typeface="Roboto SemiBold" panose="02000000000000000000" pitchFamily="2" charset="0"/>
                <a:cs typeface="Arial" panose="020B0604020202020204" pitchFamily="34" charset="0"/>
              </a:endParaRPr>
            </a:p>
          </p:txBody>
        </p:sp>
        <p:sp>
          <p:nvSpPr>
            <p:cNvPr id="66" name="TextBox 65">
              <a:extLst>
                <a:ext uri="{FF2B5EF4-FFF2-40B4-BE49-F238E27FC236}">
                  <a16:creationId xmlns:a16="http://schemas.microsoft.com/office/drawing/2014/main" id="{60743D49-33D5-B937-B68C-E4684CDF1110}"/>
                </a:ext>
              </a:extLst>
            </p:cNvPr>
            <p:cNvSpPr txBox="1"/>
            <p:nvPr/>
          </p:nvSpPr>
          <p:spPr>
            <a:xfrm>
              <a:off x="1083707" y="4602597"/>
              <a:ext cx="3219983" cy="461665"/>
            </a:xfrm>
            <a:prstGeom prst="rect">
              <a:avLst/>
            </a:prstGeom>
            <a:noFill/>
          </p:spPr>
          <p:txBody>
            <a:bodyPr wrap="square" rtlCol="0">
              <a:spAutoFit/>
            </a:bodyPr>
            <a:lstStyle/>
            <a:p>
              <a:pPr marR="0" lvl="0">
                <a:spcBef>
                  <a:spcPts val="0"/>
                </a:spcBef>
                <a:spcAft>
                  <a:spcPts val="800"/>
                </a:spcAft>
              </a:pPr>
              <a:r>
                <a:rPr lang="en-US" sz="1200" kern="100" dirty="0">
                  <a:latin typeface="Roboto SemiBold" panose="02000000000000000000" pitchFamily="2" charset="0"/>
                  <a:ea typeface="Roboto SemiBold" panose="02000000000000000000" pitchFamily="2" charset="0"/>
                  <a:cs typeface="Arial" panose="020B0604020202020204" pitchFamily="34" charset="0"/>
                </a:rPr>
                <a:t>French, Spanish, or English for learning ease</a:t>
              </a:r>
            </a:p>
          </p:txBody>
        </p:sp>
        <p:sp>
          <p:nvSpPr>
            <p:cNvPr id="67" name="TextBox 66">
              <a:extLst>
                <a:ext uri="{FF2B5EF4-FFF2-40B4-BE49-F238E27FC236}">
                  <a16:creationId xmlns:a16="http://schemas.microsoft.com/office/drawing/2014/main" id="{3932E488-2C84-A85D-EA0B-B349020A08A2}"/>
                </a:ext>
              </a:extLst>
            </p:cNvPr>
            <p:cNvSpPr txBox="1"/>
            <p:nvPr/>
          </p:nvSpPr>
          <p:spPr>
            <a:xfrm>
              <a:off x="1098028" y="5040442"/>
              <a:ext cx="3766835" cy="307777"/>
            </a:xfrm>
            <a:prstGeom prst="rect">
              <a:avLst/>
            </a:prstGeom>
            <a:noFill/>
          </p:spPr>
          <p:txBody>
            <a:bodyPr wrap="square" rtlCol="0">
              <a:spAutoFit/>
            </a:bodyPr>
            <a:lstStyle/>
            <a:p>
              <a:pPr marR="0" lvl="0">
                <a:spcBef>
                  <a:spcPts val="0"/>
                </a:spcBef>
                <a:spcAft>
                  <a:spcPts val="800"/>
                </a:spcAft>
              </a:pPr>
              <a:r>
                <a:rPr lang="en-US" sz="1400" b="1" kern="100" dirty="0">
                  <a:latin typeface="Roboto SemiBold" panose="02000000000000000000" pitchFamily="2" charset="0"/>
                  <a:ea typeface="Roboto SemiBold" panose="02000000000000000000" pitchFamily="2" charset="0"/>
                  <a:cs typeface="Arial" panose="020B0604020202020204" pitchFamily="34" charset="0"/>
                </a:rPr>
                <a:t>Articulate Storyline</a:t>
              </a:r>
              <a:endParaRPr lang="en-US" sz="1400" kern="100" dirty="0">
                <a:latin typeface="Roboto SemiBold" panose="02000000000000000000" pitchFamily="2" charset="0"/>
                <a:ea typeface="Roboto SemiBold" panose="02000000000000000000" pitchFamily="2" charset="0"/>
                <a:cs typeface="Arial" panose="020B0604020202020204" pitchFamily="34" charset="0"/>
              </a:endParaRPr>
            </a:p>
          </p:txBody>
        </p:sp>
        <p:sp>
          <p:nvSpPr>
            <p:cNvPr id="68" name="TextBox 67">
              <a:extLst>
                <a:ext uri="{FF2B5EF4-FFF2-40B4-BE49-F238E27FC236}">
                  <a16:creationId xmlns:a16="http://schemas.microsoft.com/office/drawing/2014/main" id="{A714AB65-8D65-2DDF-4C5C-4FEDD9B42C95}"/>
                </a:ext>
              </a:extLst>
            </p:cNvPr>
            <p:cNvSpPr txBox="1"/>
            <p:nvPr/>
          </p:nvSpPr>
          <p:spPr>
            <a:xfrm>
              <a:off x="1098028" y="5250405"/>
              <a:ext cx="3743445" cy="276999"/>
            </a:xfrm>
            <a:prstGeom prst="rect">
              <a:avLst/>
            </a:prstGeom>
            <a:noFill/>
          </p:spPr>
          <p:txBody>
            <a:bodyPr wrap="square" rtlCol="0">
              <a:spAutoFit/>
            </a:bodyPr>
            <a:lstStyle/>
            <a:p>
              <a:pPr marR="0" lvl="0">
                <a:spcBef>
                  <a:spcPts val="0"/>
                </a:spcBef>
                <a:spcAft>
                  <a:spcPts val="800"/>
                </a:spcAft>
              </a:pPr>
              <a:r>
                <a:rPr lang="en-US" sz="1200" kern="100" dirty="0">
                  <a:latin typeface="Roboto SemiBold" panose="02000000000000000000" pitchFamily="2" charset="0"/>
                  <a:ea typeface="Roboto SemiBold" panose="02000000000000000000" pitchFamily="2" charset="0"/>
                  <a:cs typeface="Arial" panose="020B0604020202020204" pitchFamily="34" charset="0"/>
                </a:rPr>
                <a:t>Customized interactions for engagement</a:t>
              </a:r>
            </a:p>
          </p:txBody>
        </p:sp>
        <p:sp>
          <p:nvSpPr>
            <p:cNvPr id="69" name="Oval 68">
              <a:extLst>
                <a:ext uri="{FF2B5EF4-FFF2-40B4-BE49-F238E27FC236}">
                  <a16:creationId xmlns:a16="http://schemas.microsoft.com/office/drawing/2014/main" id="{C8276D98-9D5E-B51D-7E24-C91A6D92B32C}"/>
                </a:ext>
              </a:extLst>
            </p:cNvPr>
            <p:cNvSpPr/>
            <p:nvPr/>
          </p:nvSpPr>
          <p:spPr>
            <a:xfrm>
              <a:off x="509324" y="5030986"/>
              <a:ext cx="525818" cy="525818"/>
            </a:xfrm>
            <a:prstGeom prst="ellipse">
              <a:avLst/>
            </a:prstGeom>
            <a:noFill/>
            <a:ln w="6350">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solidFill>
                  <a:schemeClr val="tx1"/>
                </a:solidFill>
                <a:latin typeface="Roboto SemiBold" panose="02000000000000000000" pitchFamily="2" charset="0"/>
              </a:endParaRPr>
            </a:p>
          </p:txBody>
        </p:sp>
        <p:grpSp>
          <p:nvGrpSpPr>
            <p:cNvPr id="70" name="Graphic 30">
              <a:extLst>
                <a:ext uri="{FF2B5EF4-FFF2-40B4-BE49-F238E27FC236}">
                  <a16:creationId xmlns:a16="http://schemas.microsoft.com/office/drawing/2014/main" id="{341A146F-83B8-F289-059C-DB7AA2FDBE83}"/>
                </a:ext>
              </a:extLst>
            </p:cNvPr>
            <p:cNvGrpSpPr/>
            <p:nvPr/>
          </p:nvGrpSpPr>
          <p:grpSpPr>
            <a:xfrm>
              <a:off x="614388" y="3160486"/>
              <a:ext cx="315690" cy="315690"/>
              <a:chOff x="1846017" y="561729"/>
              <a:chExt cx="1967157" cy="1967157"/>
            </a:xfrm>
            <a:solidFill>
              <a:schemeClr val="tx1"/>
            </a:solidFill>
          </p:grpSpPr>
          <p:sp>
            <p:nvSpPr>
              <p:cNvPr id="71" name="Freeform: Shape 70">
                <a:extLst>
                  <a:ext uri="{FF2B5EF4-FFF2-40B4-BE49-F238E27FC236}">
                    <a16:creationId xmlns:a16="http://schemas.microsoft.com/office/drawing/2014/main" id="{77CE9A7C-8D18-AA43-BF27-26BBEFB03AF9}"/>
                  </a:ext>
                </a:extLst>
              </p:cNvPr>
              <p:cNvSpPr/>
              <p:nvPr/>
            </p:nvSpPr>
            <p:spPr>
              <a:xfrm>
                <a:off x="1846017" y="561729"/>
                <a:ext cx="1967157" cy="1967157"/>
              </a:xfrm>
              <a:custGeom>
                <a:avLst/>
                <a:gdLst>
                  <a:gd name="connsiteX0" fmla="*/ 1967158 w 1967157"/>
                  <a:gd name="connsiteY0" fmla="*/ 701692 h 1967157"/>
                  <a:gd name="connsiteX1" fmla="*/ 1967158 w 1967157"/>
                  <a:gd name="connsiteY1" fmla="*/ 599679 h 1967157"/>
                  <a:gd name="connsiteX2" fmla="*/ 1804577 w 1967157"/>
                  <a:gd name="connsiteY2" fmla="*/ 599679 h 1967157"/>
                  <a:gd name="connsiteX3" fmla="*/ 1804577 w 1967157"/>
                  <a:gd name="connsiteY3" fmla="*/ 460080 h 1967157"/>
                  <a:gd name="connsiteX4" fmla="*/ 1507079 w 1967157"/>
                  <a:gd name="connsiteY4" fmla="*/ 162581 h 1967157"/>
                  <a:gd name="connsiteX5" fmla="*/ 1367479 w 1967157"/>
                  <a:gd name="connsiteY5" fmla="*/ 162581 h 1967157"/>
                  <a:gd name="connsiteX6" fmla="*/ 1367479 w 1967157"/>
                  <a:gd name="connsiteY6" fmla="*/ 0 h 1967157"/>
                  <a:gd name="connsiteX7" fmla="*/ 1265466 w 1967157"/>
                  <a:gd name="connsiteY7" fmla="*/ 0 h 1967157"/>
                  <a:gd name="connsiteX8" fmla="*/ 1265466 w 1967157"/>
                  <a:gd name="connsiteY8" fmla="*/ 162581 h 1967157"/>
                  <a:gd name="connsiteX9" fmla="*/ 1034206 w 1967157"/>
                  <a:gd name="connsiteY9" fmla="*/ 162581 h 1967157"/>
                  <a:gd name="connsiteX10" fmla="*/ 1034206 w 1967157"/>
                  <a:gd name="connsiteY10" fmla="*/ 0 h 1967157"/>
                  <a:gd name="connsiteX11" fmla="*/ 932194 w 1967157"/>
                  <a:gd name="connsiteY11" fmla="*/ 0 h 1967157"/>
                  <a:gd name="connsiteX12" fmla="*/ 932194 w 1967157"/>
                  <a:gd name="connsiteY12" fmla="*/ 162581 h 1967157"/>
                  <a:gd name="connsiteX13" fmla="*/ 701692 w 1967157"/>
                  <a:gd name="connsiteY13" fmla="*/ 162581 h 1967157"/>
                  <a:gd name="connsiteX14" fmla="*/ 701692 w 1967157"/>
                  <a:gd name="connsiteY14" fmla="*/ 0 h 1967157"/>
                  <a:gd name="connsiteX15" fmla="*/ 599679 w 1967157"/>
                  <a:gd name="connsiteY15" fmla="*/ 0 h 1967157"/>
                  <a:gd name="connsiteX16" fmla="*/ 599679 w 1967157"/>
                  <a:gd name="connsiteY16" fmla="*/ 162581 h 1967157"/>
                  <a:gd name="connsiteX17" fmla="*/ 460080 w 1967157"/>
                  <a:gd name="connsiteY17" fmla="*/ 162581 h 1967157"/>
                  <a:gd name="connsiteX18" fmla="*/ 162581 w 1967157"/>
                  <a:gd name="connsiteY18" fmla="*/ 460080 h 1967157"/>
                  <a:gd name="connsiteX19" fmla="*/ 162581 w 1967157"/>
                  <a:gd name="connsiteY19" fmla="*/ 599679 h 1967157"/>
                  <a:gd name="connsiteX20" fmla="*/ 0 w 1967157"/>
                  <a:gd name="connsiteY20" fmla="*/ 599679 h 1967157"/>
                  <a:gd name="connsiteX21" fmla="*/ 0 w 1967157"/>
                  <a:gd name="connsiteY21" fmla="*/ 701692 h 1967157"/>
                  <a:gd name="connsiteX22" fmla="*/ 162581 w 1967157"/>
                  <a:gd name="connsiteY22" fmla="*/ 701692 h 1967157"/>
                  <a:gd name="connsiteX23" fmla="*/ 162581 w 1967157"/>
                  <a:gd name="connsiteY23" fmla="*/ 932194 h 1967157"/>
                  <a:gd name="connsiteX24" fmla="*/ 0 w 1967157"/>
                  <a:gd name="connsiteY24" fmla="*/ 932194 h 1967157"/>
                  <a:gd name="connsiteX25" fmla="*/ 0 w 1967157"/>
                  <a:gd name="connsiteY25" fmla="*/ 1034206 h 1967157"/>
                  <a:gd name="connsiteX26" fmla="*/ 162581 w 1967157"/>
                  <a:gd name="connsiteY26" fmla="*/ 1034206 h 1967157"/>
                  <a:gd name="connsiteX27" fmla="*/ 162581 w 1967157"/>
                  <a:gd name="connsiteY27" fmla="*/ 1265466 h 1967157"/>
                  <a:gd name="connsiteX28" fmla="*/ 0 w 1967157"/>
                  <a:gd name="connsiteY28" fmla="*/ 1265466 h 1967157"/>
                  <a:gd name="connsiteX29" fmla="*/ 0 w 1967157"/>
                  <a:gd name="connsiteY29" fmla="*/ 1367479 h 1967157"/>
                  <a:gd name="connsiteX30" fmla="*/ 162581 w 1967157"/>
                  <a:gd name="connsiteY30" fmla="*/ 1367479 h 1967157"/>
                  <a:gd name="connsiteX31" fmla="*/ 162581 w 1967157"/>
                  <a:gd name="connsiteY31" fmla="*/ 1507079 h 1967157"/>
                  <a:gd name="connsiteX32" fmla="*/ 460080 w 1967157"/>
                  <a:gd name="connsiteY32" fmla="*/ 1804577 h 1967157"/>
                  <a:gd name="connsiteX33" fmla="*/ 599679 w 1967157"/>
                  <a:gd name="connsiteY33" fmla="*/ 1804577 h 1967157"/>
                  <a:gd name="connsiteX34" fmla="*/ 599679 w 1967157"/>
                  <a:gd name="connsiteY34" fmla="*/ 1967158 h 1967157"/>
                  <a:gd name="connsiteX35" fmla="*/ 701692 w 1967157"/>
                  <a:gd name="connsiteY35" fmla="*/ 1967158 h 1967157"/>
                  <a:gd name="connsiteX36" fmla="*/ 701692 w 1967157"/>
                  <a:gd name="connsiteY36" fmla="*/ 1804577 h 1967157"/>
                  <a:gd name="connsiteX37" fmla="*/ 932194 w 1967157"/>
                  <a:gd name="connsiteY37" fmla="*/ 1804577 h 1967157"/>
                  <a:gd name="connsiteX38" fmla="*/ 932194 w 1967157"/>
                  <a:gd name="connsiteY38" fmla="*/ 1967158 h 1967157"/>
                  <a:gd name="connsiteX39" fmla="*/ 1034206 w 1967157"/>
                  <a:gd name="connsiteY39" fmla="*/ 1967158 h 1967157"/>
                  <a:gd name="connsiteX40" fmla="*/ 1034206 w 1967157"/>
                  <a:gd name="connsiteY40" fmla="*/ 1804577 h 1967157"/>
                  <a:gd name="connsiteX41" fmla="*/ 1265466 w 1967157"/>
                  <a:gd name="connsiteY41" fmla="*/ 1804577 h 1967157"/>
                  <a:gd name="connsiteX42" fmla="*/ 1265466 w 1967157"/>
                  <a:gd name="connsiteY42" fmla="*/ 1967158 h 1967157"/>
                  <a:gd name="connsiteX43" fmla="*/ 1367479 w 1967157"/>
                  <a:gd name="connsiteY43" fmla="*/ 1967158 h 1967157"/>
                  <a:gd name="connsiteX44" fmla="*/ 1367479 w 1967157"/>
                  <a:gd name="connsiteY44" fmla="*/ 1804577 h 1967157"/>
                  <a:gd name="connsiteX45" fmla="*/ 1507079 w 1967157"/>
                  <a:gd name="connsiteY45" fmla="*/ 1804577 h 1967157"/>
                  <a:gd name="connsiteX46" fmla="*/ 1804577 w 1967157"/>
                  <a:gd name="connsiteY46" fmla="*/ 1507079 h 1967157"/>
                  <a:gd name="connsiteX47" fmla="*/ 1804577 w 1967157"/>
                  <a:gd name="connsiteY47" fmla="*/ 1367479 h 1967157"/>
                  <a:gd name="connsiteX48" fmla="*/ 1967158 w 1967157"/>
                  <a:gd name="connsiteY48" fmla="*/ 1367479 h 1967157"/>
                  <a:gd name="connsiteX49" fmla="*/ 1967158 w 1967157"/>
                  <a:gd name="connsiteY49" fmla="*/ 1265466 h 1967157"/>
                  <a:gd name="connsiteX50" fmla="*/ 1804577 w 1967157"/>
                  <a:gd name="connsiteY50" fmla="*/ 1265466 h 1967157"/>
                  <a:gd name="connsiteX51" fmla="*/ 1804577 w 1967157"/>
                  <a:gd name="connsiteY51" fmla="*/ 1034206 h 1967157"/>
                  <a:gd name="connsiteX52" fmla="*/ 1967158 w 1967157"/>
                  <a:gd name="connsiteY52" fmla="*/ 1034206 h 1967157"/>
                  <a:gd name="connsiteX53" fmla="*/ 1967158 w 1967157"/>
                  <a:gd name="connsiteY53" fmla="*/ 932194 h 1967157"/>
                  <a:gd name="connsiteX54" fmla="*/ 1804577 w 1967157"/>
                  <a:gd name="connsiteY54" fmla="*/ 932194 h 1967157"/>
                  <a:gd name="connsiteX55" fmla="*/ 1804577 w 1967157"/>
                  <a:gd name="connsiteY55" fmla="*/ 701692 h 1967157"/>
                  <a:gd name="connsiteX56" fmla="*/ 1967158 w 1967157"/>
                  <a:gd name="connsiteY56" fmla="*/ 701692 h 1967157"/>
                  <a:gd name="connsiteX57" fmla="*/ 1704873 w 1967157"/>
                  <a:gd name="connsiteY57" fmla="*/ 1507111 h 1967157"/>
                  <a:gd name="connsiteX58" fmla="*/ 1507079 w 1967157"/>
                  <a:gd name="connsiteY58" fmla="*/ 1704906 h 1967157"/>
                  <a:gd name="connsiteX59" fmla="*/ 460047 w 1967157"/>
                  <a:gd name="connsiteY59" fmla="*/ 1704906 h 1967157"/>
                  <a:gd name="connsiteX60" fmla="*/ 262253 w 1967157"/>
                  <a:gd name="connsiteY60" fmla="*/ 1507111 h 1967157"/>
                  <a:gd name="connsiteX61" fmla="*/ 262253 w 1967157"/>
                  <a:gd name="connsiteY61" fmla="*/ 460080 h 1967157"/>
                  <a:gd name="connsiteX62" fmla="*/ 460047 w 1967157"/>
                  <a:gd name="connsiteY62" fmla="*/ 262286 h 1967157"/>
                  <a:gd name="connsiteX63" fmla="*/ 1507079 w 1967157"/>
                  <a:gd name="connsiteY63" fmla="*/ 262286 h 1967157"/>
                  <a:gd name="connsiteX64" fmla="*/ 1704873 w 1967157"/>
                  <a:gd name="connsiteY64" fmla="*/ 460080 h 1967157"/>
                  <a:gd name="connsiteX65" fmla="*/ 1704873 w 1967157"/>
                  <a:gd name="connsiteY65" fmla="*/ 1507111 h 19671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Lst>
                <a:rect l="l" t="t" r="r" b="b"/>
                <a:pathLst>
                  <a:path w="1967157" h="1967157">
                    <a:moveTo>
                      <a:pt x="1967158" y="701692"/>
                    </a:moveTo>
                    <a:lnTo>
                      <a:pt x="1967158" y="599679"/>
                    </a:lnTo>
                    <a:lnTo>
                      <a:pt x="1804577" y="599679"/>
                    </a:lnTo>
                    <a:lnTo>
                      <a:pt x="1804577" y="460080"/>
                    </a:lnTo>
                    <a:cubicBezTo>
                      <a:pt x="1804577" y="296048"/>
                      <a:pt x="1671143" y="162581"/>
                      <a:pt x="1507079" y="162581"/>
                    </a:cubicBezTo>
                    <a:lnTo>
                      <a:pt x="1367479" y="162581"/>
                    </a:lnTo>
                    <a:lnTo>
                      <a:pt x="1367479" y="0"/>
                    </a:lnTo>
                    <a:lnTo>
                      <a:pt x="1265466" y="0"/>
                    </a:lnTo>
                    <a:lnTo>
                      <a:pt x="1265466" y="162581"/>
                    </a:lnTo>
                    <a:lnTo>
                      <a:pt x="1034206" y="162581"/>
                    </a:lnTo>
                    <a:lnTo>
                      <a:pt x="1034206" y="0"/>
                    </a:lnTo>
                    <a:lnTo>
                      <a:pt x="932194" y="0"/>
                    </a:lnTo>
                    <a:lnTo>
                      <a:pt x="932194" y="162581"/>
                    </a:lnTo>
                    <a:lnTo>
                      <a:pt x="701692" y="162581"/>
                    </a:lnTo>
                    <a:lnTo>
                      <a:pt x="701692" y="0"/>
                    </a:lnTo>
                    <a:lnTo>
                      <a:pt x="599679" y="0"/>
                    </a:lnTo>
                    <a:lnTo>
                      <a:pt x="599679" y="162581"/>
                    </a:lnTo>
                    <a:lnTo>
                      <a:pt x="460080" y="162581"/>
                    </a:lnTo>
                    <a:cubicBezTo>
                      <a:pt x="296048" y="162581"/>
                      <a:pt x="162581" y="296015"/>
                      <a:pt x="162581" y="460080"/>
                    </a:cubicBezTo>
                    <a:lnTo>
                      <a:pt x="162581" y="599679"/>
                    </a:lnTo>
                    <a:lnTo>
                      <a:pt x="0" y="599679"/>
                    </a:lnTo>
                    <a:lnTo>
                      <a:pt x="0" y="701692"/>
                    </a:lnTo>
                    <a:lnTo>
                      <a:pt x="162581" y="701692"/>
                    </a:lnTo>
                    <a:lnTo>
                      <a:pt x="162581" y="932194"/>
                    </a:lnTo>
                    <a:lnTo>
                      <a:pt x="0" y="932194"/>
                    </a:lnTo>
                    <a:lnTo>
                      <a:pt x="0" y="1034206"/>
                    </a:lnTo>
                    <a:lnTo>
                      <a:pt x="162581" y="1034206"/>
                    </a:lnTo>
                    <a:lnTo>
                      <a:pt x="162581" y="1265466"/>
                    </a:lnTo>
                    <a:lnTo>
                      <a:pt x="0" y="1265466"/>
                    </a:lnTo>
                    <a:lnTo>
                      <a:pt x="0" y="1367479"/>
                    </a:lnTo>
                    <a:lnTo>
                      <a:pt x="162581" y="1367479"/>
                    </a:lnTo>
                    <a:lnTo>
                      <a:pt x="162581" y="1507079"/>
                    </a:lnTo>
                    <a:cubicBezTo>
                      <a:pt x="162581" y="1671110"/>
                      <a:pt x="296015" y="1804577"/>
                      <a:pt x="460080" y="1804577"/>
                    </a:cubicBezTo>
                    <a:lnTo>
                      <a:pt x="599679" y="1804577"/>
                    </a:lnTo>
                    <a:lnTo>
                      <a:pt x="599679" y="1967158"/>
                    </a:lnTo>
                    <a:lnTo>
                      <a:pt x="701692" y="1967158"/>
                    </a:lnTo>
                    <a:lnTo>
                      <a:pt x="701692" y="1804577"/>
                    </a:lnTo>
                    <a:lnTo>
                      <a:pt x="932194" y="1804577"/>
                    </a:lnTo>
                    <a:lnTo>
                      <a:pt x="932194" y="1967158"/>
                    </a:lnTo>
                    <a:lnTo>
                      <a:pt x="1034206" y="1967158"/>
                    </a:lnTo>
                    <a:lnTo>
                      <a:pt x="1034206" y="1804577"/>
                    </a:lnTo>
                    <a:lnTo>
                      <a:pt x="1265466" y="1804577"/>
                    </a:lnTo>
                    <a:lnTo>
                      <a:pt x="1265466" y="1967158"/>
                    </a:lnTo>
                    <a:lnTo>
                      <a:pt x="1367479" y="1967158"/>
                    </a:lnTo>
                    <a:lnTo>
                      <a:pt x="1367479" y="1804577"/>
                    </a:lnTo>
                    <a:lnTo>
                      <a:pt x="1507079" y="1804577"/>
                    </a:lnTo>
                    <a:cubicBezTo>
                      <a:pt x="1671110" y="1804577"/>
                      <a:pt x="1804577" y="1671143"/>
                      <a:pt x="1804577" y="1507079"/>
                    </a:cubicBezTo>
                    <a:lnTo>
                      <a:pt x="1804577" y="1367479"/>
                    </a:lnTo>
                    <a:lnTo>
                      <a:pt x="1967158" y="1367479"/>
                    </a:lnTo>
                    <a:lnTo>
                      <a:pt x="1967158" y="1265466"/>
                    </a:lnTo>
                    <a:lnTo>
                      <a:pt x="1804577" y="1265466"/>
                    </a:lnTo>
                    <a:lnTo>
                      <a:pt x="1804577" y="1034206"/>
                    </a:lnTo>
                    <a:lnTo>
                      <a:pt x="1967158" y="1034206"/>
                    </a:lnTo>
                    <a:lnTo>
                      <a:pt x="1967158" y="932194"/>
                    </a:lnTo>
                    <a:lnTo>
                      <a:pt x="1804577" y="932194"/>
                    </a:lnTo>
                    <a:lnTo>
                      <a:pt x="1804577" y="701692"/>
                    </a:lnTo>
                    <a:lnTo>
                      <a:pt x="1967158" y="701692"/>
                    </a:lnTo>
                    <a:close/>
                    <a:moveTo>
                      <a:pt x="1704873" y="1507111"/>
                    </a:moveTo>
                    <a:cubicBezTo>
                      <a:pt x="1704873" y="1616180"/>
                      <a:pt x="1616147" y="1704906"/>
                      <a:pt x="1507079" y="1704906"/>
                    </a:cubicBezTo>
                    <a:lnTo>
                      <a:pt x="460047" y="1704906"/>
                    </a:lnTo>
                    <a:cubicBezTo>
                      <a:pt x="350978" y="1704906"/>
                      <a:pt x="262253" y="1616180"/>
                      <a:pt x="262253" y="1507111"/>
                    </a:cubicBezTo>
                    <a:lnTo>
                      <a:pt x="262253" y="460080"/>
                    </a:lnTo>
                    <a:cubicBezTo>
                      <a:pt x="262253" y="351011"/>
                      <a:pt x="350978" y="262286"/>
                      <a:pt x="460047" y="262286"/>
                    </a:cubicBezTo>
                    <a:lnTo>
                      <a:pt x="1507079" y="262286"/>
                    </a:lnTo>
                    <a:cubicBezTo>
                      <a:pt x="1616147" y="262286"/>
                      <a:pt x="1704873" y="351011"/>
                      <a:pt x="1704873" y="460080"/>
                    </a:cubicBezTo>
                    <a:lnTo>
                      <a:pt x="1704873" y="1507111"/>
                    </a:ln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72" name="Freeform: Shape 71">
                <a:extLst>
                  <a:ext uri="{FF2B5EF4-FFF2-40B4-BE49-F238E27FC236}">
                    <a16:creationId xmlns:a16="http://schemas.microsoft.com/office/drawing/2014/main" id="{AFD25760-3CC2-9A48-9ECF-09D2FF19A29D}"/>
                  </a:ext>
                </a:extLst>
              </p:cNvPr>
              <p:cNvSpPr/>
              <p:nvPr/>
            </p:nvSpPr>
            <p:spPr>
              <a:xfrm>
                <a:off x="3139080" y="1208227"/>
                <a:ext cx="131258" cy="674194"/>
              </a:xfrm>
              <a:custGeom>
                <a:avLst/>
                <a:gdLst>
                  <a:gd name="connsiteX0" fmla="*/ 0 w 131258"/>
                  <a:gd name="connsiteY0" fmla="*/ 0 h 674194"/>
                  <a:gd name="connsiteX1" fmla="*/ 131258 w 131258"/>
                  <a:gd name="connsiteY1" fmla="*/ 0 h 674194"/>
                  <a:gd name="connsiteX2" fmla="*/ 131258 w 131258"/>
                  <a:gd name="connsiteY2" fmla="*/ 674194 h 674194"/>
                  <a:gd name="connsiteX3" fmla="*/ 0 w 131258"/>
                  <a:gd name="connsiteY3" fmla="*/ 674194 h 674194"/>
                </a:gdLst>
                <a:ahLst/>
                <a:cxnLst>
                  <a:cxn ang="0">
                    <a:pos x="connsiteX0" y="connsiteY0"/>
                  </a:cxn>
                  <a:cxn ang="0">
                    <a:pos x="connsiteX1" y="connsiteY1"/>
                  </a:cxn>
                  <a:cxn ang="0">
                    <a:pos x="connsiteX2" y="connsiteY2"/>
                  </a:cxn>
                  <a:cxn ang="0">
                    <a:pos x="connsiteX3" y="connsiteY3"/>
                  </a:cxn>
                </a:cxnLst>
                <a:rect l="l" t="t" r="r" b="b"/>
                <a:pathLst>
                  <a:path w="131258" h="674194">
                    <a:moveTo>
                      <a:pt x="0" y="0"/>
                    </a:moveTo>
                    <a:lnTo>
                      <a:pt x="131258" y="0"/>
                    </a:lnTo>
                    <a:lnTo>
                      <a:pt x="131258" y="674194"/>
                    </a:lnTo>
                    <a:lnTo>
                      <a:pt x="0" y="674194"/>
                    </a:ln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73" name="Freeform: Shape 72">
                <a:extLst>
                  <a:ext uri="{FF2B5EF4-FFF2-40B4-BE49-F238E27FC236}">
                    <a16:creationId xmlns:a16="http://schemas.microsoft.com/office/drawing/2014/main" id="{F33E3EBC-1EAE-383B-AAAF-A45C147CD349}"/>
                  </a:ext>
                </a:extLst>
              </p:cNvPr>
              <p:cNvSpPr/>
              <p:nvPr/>
            </p:nvSpPr>
            <p:spPr>
              <a:xfrm>
                <a:off x="2388887" y="1208227"/>
                <a:ext cx="661401" cy="674194"/>
              </a:xfrm>
              <a:custGeom>
                <a:avLst/>
                <a:gdLst>
                  <a:gd name="connsiteX0" fmla="*/ 254438 w 661401"/>
                  <a:gd name="connsiteY0" fmla="*/ 0 h 674194"/>
                  <a:gd name="connsiteX1" fmla="*/ 0 w 661401"/>
                  <a:gd name="connsiteY1" fmla="*/ 674194 h 674194"/>
                  <a:gd name="connsiteX2" fmla="*/ 147678 w 661401"/>
                  <a:gd name="connsiteY2" fmla="*/ 674194 h 674194"/>
                  <a:gd name="connsiteX3" fmla="*/ 203498 w 661401"/>
                  <a:gd name="connsiteY3" fmla="*/ 512405 h 674194"/>
                  <a:gd name="connsiteX4" fmla="*/ 459057 w 661401"/>
                  <a:gd name="connsiteY4" fmla="*/ 512405 h 674194"/>
                  <a:gd name="connsiteX5" fmla="*/ 513691 w 661401"/>
                  <a:gd name="connsiteY5" fmla="*/ 674194 h 674194"/>
                  <a:gd name="connsiteX6" fmla="*/ 661401 w 661401"/>
                  <a:gd name="connsiteY6" fmla="*/ 674194 h 674194"/>
                  <a:gd name="connsiteX7" fmla="*/ 411480 w 661401"/>
                  <a:gd name="connsiteY7" fmla="*/ 0 h 674194"/>
                  <a:gd name="connsiteX8" fmla="*/ 254471 w 661401"/>
                  <a:gd name="connsiteY8" fmla="*/ 0 h 674194"/>
                  <a:gd name="connsiteX9" fmla="*/ 245305 w 661401"/>
                  <a:gd name="connsiteY9" fmla="*/ 391170 h 674194"/>
                  <a:gd name="connsiteX10" fmla="*/ 332646 w 661401"/>
                  <a:gd name="connsiteY10" fmla="*/ 142930 h 674194"/>
                  <a:gd name="connsiteX11" fmla="*/ 418107 w 661401"/>
                  <a:gd name="connsiteY11" fmla="*/ 391170 h 674194"/>
                  <a:gd name="connsiteX12" fmla="*/ 245305 w 661401"/>
                  <a:gd name="connsiteY12" fmla="*/ 391170 h 67419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661401" h="674194">
                    <a:moveTo>
                      <a:pt x="254438" y="0"/>
                    </a:moveTo>
                    <a:lnTo>
                      <a:pt x="0" y="674194"/>
                    </a:lnTo>
                    <a:lnTo>
                      <a:pt x="147678" y="674194"/>
                    </a:lnTo>
                    <a:lnTo>
                      <a:pt x="203498" y="512405"/>
                    </a:lnTo>
                    <a:lnTo>
                      <a:pt x="459057" y="512405"/>
                    </a:lnTo>
                    <a:lnTo>
                      <a:pt x="513691" y="674194"/>
                    </a:lnTo>
                    <a:lnTo>
                      <a:pt x="661401" y="674194"/>
                    </a:lnTo>
                    <a:lnTo>
                      <a:pt x="411480" y="0"/>
                    </a:lnTo>
                    <a:lnTo>
                      <a:pt x="254471" y="0"/>
                    </a:lnTo>
                    <a:close/>
                    <a:moveTo>
                      <a:pt x="245305" y="391170"/>
                    </a:moveTo>
                    <a:lnTo>
                      <a:pt x="332646" y="142930"/>
                    </a:lnTo>
                    <a:lnTo>
                      <a:pt x="418107" y="391170"/>
                    </a:lnTo>
                    <a:lnTo>
                      <a:pt x="245305" y="391170"/>
                    </a:ln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grpSp>
          <p:nvGrpSpPr>
            <p:cNvPr id="74" name="Graphic 30">
              <a:extLst>
                <a:ext uri="{FF2B5EF4-FFF2-40B4-BE49-F238E27FC236}">
                  <a16:creationId xmlns:a16="http://schemas.microsoft.com/office/drawing/2014/main" id="{A5D5C1E6-FBC0-1A09-F2C1-E516AA7E981D}"/>
                </a:ext>
              </a:extLst>
            </p:cNvPr>
            <p:cNvGrpSpPr/>
            <p:nvPr/>
          </p:nvGrpSpPr>
          <p:grpSpPr>
            <a:xfrm>
              <a:off x="597293" y="3789500"/>
              <a:ext cx="348916" cy="348916"/>
              <a:chOff x="1706088" y="3208950"/>
              <a:chExt cx="2425819" cy="2425819"/>
            </a:xfrm>
            <a:noFill/>
          </p:grpSpPr>
          <p:sp>
            <p:nvSpPr>
              <p:cNvPr id="75" name="Freeform: Shape 74">
                <a:extLst>
                  <a:ext uri="{FF2B5EF4-FFF2-40B4-BE49-F238E27FC236}">
                    <a16:creationId xmlns:a16="http://schemas.microsoft.com/office/drawing/2014/main" id="{F93864A6-DB1E-CA96-32E2-016BC462C5E4}"/>
                  </a:ext>
                </a:extLst>
              </p:cNvPr>
              <p:cNvSpPr/>
              <p:nvPr/>
            </p:nvSpPr>
            <p:spPr>
              <a:xfrm>
                <a:off x="1706088" y="3208950"/>
                <a:ext cx="2425819" cy="2425819"/>
              </a:xfrm>
              <a:custGeom>
                <a:avLst/>
                <a:gdLst>
                  <a:gd name="connsiteX0" fmla="*/ 2425820 w 2425819"/>
                  <a:gd name="connsiteY0" fmla="*/ 1212910 h 2425819"/>
                  <a:gd name="connsiteX1" fmla="*/ 1212910 w 2425819"/>
                  <a:gd name="connsiteY1" fmla="*/ 2425820 h 2425819"/>
                  <a:gd name="connsiteX2" fmla="*/ 0 w 2425819"/>
                  <a:gd name="connsiteY2" fmla="*/ 1212910 h 2425819"/>
                  <a:gd name="connsiteX3" fmla="*/ 1212910 w 2425819"/>
                  <a:gd name="connsiteY3" fmla="*/ 0 h 2425819"/>
                  <a:gd name="connsiteX4" fmla="*/ 2425820 w 2425819"/>
                  <a:gd name="connsiteY4" fmla="*/ 1212910 h 242581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425819" h="2425819">
                    <a:moveTo>
                      <a:pt x="2425820" y="1212910"/>
                    </a:moveTo>
                    <a:cubicBezTo>
                      <a:pt x="2425820" y="1882781"/>
                      <a:pt x="1882782" y="2425820"/>
                      <a:pt x="1212910" y="2425820"/>
                    </a:cubicBezTo>
                    <a:cubicBezTo>
                      <a:pt x="543038" y="2425820"/>
                      <a:pt x="0" y="1882781"/>
                      <a:pt x="0" y="1212910"/>
                    </a:cubicBezTo>
                    <a:cubicBezTo>
                      <a:pt x="0" y="543038"/>
                      <a:pt x="543038" y="0"/>
                      <a:pt x="1212910" y="0"/>
                    </a:cubicBezTo>
                    <a:cubicBezTo>
                      <a:pt x="1882782" y="0"/>
                      <a:pt x="2425820" y="543038"/>
                      <a:pt x="2425820" y="1212910"/>
                    </a:cubicBezTo>
                    <a:close/>
                  </a:path>
                </a:pathLst>
              </a:custGeom>
              <a:grpFill/>
              <a:ln w="12700"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76" name="Freeform: Shape 75">
                <a:extLst>
                  <a:ext uri="{FF2B5EF4-FFF2-40B4-BE49-F238E27FC236}">
                    <a16:creationId xmlns:a16="http://schemas.microsoft.com/office/drawing/2014/main" id="{E5E64121-B227-B5C3-D14C-87CC6786F293}"/>
                  </a:ext>
                </a:extLst>
              </p:cNvPr>
              <p:cNvSpPr/>
              <p:nvPr/>
            </p:nvSpPr>
            <p:spPr>
              <a:xfrm>
                <a:off x="2243386" y="3208950"/>
                <a:ext cx="1351223" cy="2425819"/>
              </a:xfrm>
              <a:custGeom>
                <a:avLst/>
                <a:gdLst>
                  <a:gd name="connsiteX0" fmla="*/ 1351224 w 1351223"/>
                  <a:gd name="connsiteY0" fmla="*/ 1212910 h 2425819"/>
                  <a:gd name="connsiteX1" fmla="*/ 675612 w 1351223"/>
                  <a:gd name="connsiteY1" fmla="*/ 2425820 h 2425819"/>
                  <a:gd name="connsiteX2" fmla="*/ 0 w 1351223"/>
                  <a:gd name="connsiteY2" fmla="*/ 1212910 h 2425819"/>
                  <a:gd name="connsiteX3" fmla="*/ 675612 w 1351223"/>
                  <a:gd name="connsiteY3" fmla="*/ 0 h 2425819"/>
                  <a:gd name="connsiteX4" fmla="*/ 1351224 w 1351223"/>
                  <a:gd name="connsiteY4" fmla="*/ 1212910 h 242581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351223" h="2425819">
                    <a:moveTo>
                      <a:pt x="1351224" y="1212910"/>
                    </a:moveTo>
                    <a:cubicBezTo>
                      <a:pt x="1351224" y="1882781"/>
                      <a:pt x="1048742" y="2425820"/>
                      <a:pt x="675612" y="2425820"/>
                    </a:cubicBezTo>
                    <a:cubicBezTo>
                      <a:pt x="302482" y="2425820"/>
                      <a:pt x="0" y="1882781"/>
                      <a:pt x="0" y="1212910"/>
                    </a:cubicBezTo>
                    <a:cubicBezTo>
                      <a:pt x="0" y="543038"/>
                      <a:pt x="302482" y="0"/>
                      <a:pt x="675612" y="0"/>
                    </a:cubicBezTo>
                    <a:cubicBezTo>
                      <a:pt x="1048742" y="0"/>
                      <a:pt x="1351224" y="543038"/>
                      <a:pt x="1351224" y="1212910"/>
                    </a:cubicBezTo>
                    <a:close/>
                  </a:path>
                </a:pathLst>
              </a:custGeom>
              <a:grpFill/>
              <a:ln w="12700"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77" name="Freeform: Shape 76">
                <a:extLst>
                  <a:ext uri="{FF2B5EF4-FFF2-40B4-BE49-F238E27FC236}">
                    <a16:creationId xmlns:a16="http://schemas.microsoft.com/office/drawing/2014/main" id="{AEED69A6-A486-CDC1-5814-431D7DE71279}"/>
                  </a:ext>
                </a:extLst>
              </p:cNvPr>
              <p:cNvSpPr/>
              <p:nvPr/>
            </p:nvSpPr>
            <p:spPr>
              <a:xfrm>
                <a:off x="1706088" y="3746248"/>
                <a:ext cx="2425819" cy="1351223"/>
              </a:xfrm>
              <a:custGeom>
                <a:avLst/>
                <a:gdLst>
                  <a:gd name="connsiteX0" fmla="*/ 2425820 w 2425819"/>
                  <a:gd name="connsiteY0" fmla="*/ 675612 h 1351223"/>
                  <a:gd name="connsiteX1" fmla="*/ 1212910 w 2425819"/>
                  <a:gd name="connsiteY1" fmla="*/ 1351224 h 1351223"/>
                  <a:gd name="connsiteX2" fmla="*/ 0 w 2425819"/>
                  <a:gd name="connsiteY2" fmla="*/ 675612 h 1351223"/>
                  <a:gd name="connsiteX3" fmla="*/ 1212910 w 2425819"/>
                  <a:gd name="connsiteY3" fmla="*/ 0 h 1351223"/>
                  <a:gd name="connsiteX4" fmla="*/ 2425820 w 2425819"/>
                  <a:gd name="connsiteY4" fmla="*/ 675612 h 13512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425819" h="1351223">
                    <a:moveTo>
                      <a:pt x="2425820" y="675612"/>
                    </a:moveTo>
                    <a:cubicBezTo>
                      <a:pt x="2425820" y="1048742"/>
                      <a:pt x="1882782" y="1351224"/>
                      <a:pt x="1212910" y="1351224"/>
                    </a:cubicBezTo>
                    <a:cubicBezTo>
                      <a:pt x="543038" y="1351224"/>
                      <a:pt x="0" y="1048742"/>
                      <a:pt x="0" y="675612"/>
                    </a:cubicBezTo>
                    <a:cubicBezTo>
                      <a:pt x="0" y="302482"/>
                      <a:pt x="543038" y="0"/>
                      <a:pt x="1212910" y="0"/>
                    </a:cubicBezTo>
                    <a:cubicBezTo>
                      <a:pt x="1882782" y="0"/>
                      <a:pt x="2425820" y="302482"/>
                      <a:pt x="2425820" y="675612"/>
                    </a:cubicBezTo>
                    <a:close/>
                  </a:path>
                </a:pathLst>
              </a:custGeom>
              <a:grpFill/>
              <a:ln w="12700"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nvGrpSpPr>
              <p:cNvPr id="78" name="Graphic 30">
                <a:extLst>
                  <a:ext uri="{FF2B5EF4-FFF2-40B4-BE49-F238E27FC236}">
                    <a16:creationId xmlns:a16="http://schemas.microsoft.com/office/drawing/2014/main" id="{3EF49680-4941-3409-39AC-BB38724BB3A3}"/>
                  </a:ext>
                </a:extLst>
              </p:cNvPr>
              <p:cNvGrpSpPr/>
              <p:nvPr/>
            </p:nvGrpSpPr>
            <p:grpSpPr>
              <a:xfrm>
                <a:off x="2483547" y="4151035"/>
                <a:ext cx="954053" cy="472509"/>
                <a:chOff x="2483547" y="4151035"/>
                <a:chExt cx="954053" cy="472509"/>
              </a:xfrm>
              <a:grpFill/>
            </p:grpSpPr>
            <p:grpSp>
              <p:nvGrpSpPr>
                <p:cNvPr id="79" name="Graphic 30">
                  <a:extLst>
                    <a:ext uri="{FF2B5EF4-FFF2-40B4-BE49-F238E27FC236}">
                      <a16:creationId xmlns:a16="http://schemas.microsoft.com/office/drawing/2014/main" id="{09ED505C-89F5-3B1B-1E99-A38556BC195D}"/>
                    </a:ext>
                  </a:extLst>
                </p:cNvPr>
                <p:cNvGrpSpPr/>
                <p:nvPr/>
              </p:nvGrpSpPr>
              <p:grpSpPr>
                <a:xfrm>
                  <a:off x="2483547" y="4220044"/>
                  <a:ext cx="870867" cy="403500"/>
                  <a:chOff x="2483547" y="4220044"/>
                  <a:chExt cx="870867" cy="403500"/>
                </a:xfrm>
                <a:grpFill/>
              </p:grpSpPr>
              <p:sp>
                <p:nvSpPr>
                  <p:cNvPr id="81" name="Freeform: Shape 80">
                    <a:extLst>
                      <a:ext uri="{FF2B5EF4-FFF2-40B4-BE49-F238E27FC236}">
                        <a16:creationId xmlns:a16="http://schemas.microsoft.com/office/drawing/2014/main" id="{5695B3AE-9A7D-EC87-6E23-B366FD1B5F86}"/>
                      </a:ext>
                    </a:extLst>
                  </p:cNvPr>
                  <p:cNvSpPr/>
                  <p:nvPr/>
                </p:nvSpPr>
                <p:spPr>
                  <a:xfrm>
                    <a:off x="2483547" y="4220044"/>
                    <a:ext cx="258592" cy="403500"/>
                  </a:xfrm>
                  <a:custGeom>
                    <a:avLst/>
                    <a:gdLst>
                      <a:gd name="connsiteX0" fmla="*/ 66 w 258592"/>
                      <a:gd name="connsiteY0" fmla="*/ 292322 h 403500"/>
                      <a:gd name="connsiteX1" fmla="*/ 48534 w 258592"/>
                      <a:gd name="connsiteY1" fmla="*/ 285860 h 403500"/>
                      <a:gd name="connsiteX2" fmla="*/ 76955 w 258592"/>
                      <a:gd name="connsiteY2" fmla="*/ 345241 h 403500"/>
                      <a:gd name="connsiteX3" fmla="*/ 125851 w 258592"/>
                      <a:gd name="connsiteY3" fmla="*/ 363408 h 403500"/>
                      <a:gd name="connsiteX4" fmla="*/ 183616 w 258592"/>
                      <a:gd name="connsiteY4" fmla="*/ 339702 h 403500"/>
                      <a:gd name="connsiteX5" fmla="*/ 207191 w 258592"/>
                      <a:gd name="connsiteY5" fmla="*/ 280980 h 403500"/>
                      <a:gd name="connsiteX6" fmla="*/ 185364 w 258592"/>
                      <a:gd name="connsiteY6" fmla="*/ 225885 h 403500"/>
                      <a:gd name="connsiteX7" fmla="*/ 129873 w 258592"/>
                      <a:gd name="connsiteY7" fmla="*/ 204190 h 403500"/>
                      <a:gd name="connsiteX8" fmla="*/ 95682 w 258592"/>
                      <a:gd name="connsiteY8" fmla="*/ 209564 h 403500"/>
                      <a:gd name="connsiteX9" fmla="*/ 101057 w 258592"/>
                      <a:gd name="connsiteY9" fmla="*/ 166999 h 403500"/>
                      <a:gd name="connsiteX10" fmla="*/ 108871 w 258592"/>
                      <a:gd name="connsiteY10" fmla="*/ 167526 h 403500"/>
                      <a:gd name="connsiteX11" fmla="*/ 164625 w 258592"/>
                      <a:gd name="connsiteY11" fmla="*/ 151370 h 403500"/>
                      <a:gd name="connsiteX12" fmla="*/ 189419 w 258592"/>
                      <a:gd name="connsiteY12" fmla="*/ 101551 h 403500"/>
                      <a:gd name="connsiteX13" fmla="*/ 171384 w 258592"/>
                      <a:gd name="connsiteY13" fmla="*/ 57369 h 403500"/>
                      <a:gd name="connsiteX14" fmla="*/ 124796 w 258592"/>
                      <a:gd name="connsiteY14" fmla="*/ 39862 h 403500"/>
                      <a:gd name="connsiteX15" fmla="*/ 77647 w 258592"/>
                      <a:gd name="connsiteY15" fmla="*/ 57634 h 403500"/>
                      <a:gd name="connsiteX16" fmla="*/ 53413 w 258592"/>
                      <a:gd name="connsiteY16" fmla="*/ 110981 h 403500"/>
                      <a:gd name="connsiteX17" fmla="*/ 4946 w 258592"/>
                      <a:gd name="connsiteY17" fmla="*/ 102375 h 403500"/>
                      <a:gd name="connsiteX18" fmla="*/ 45335 w 258592"/>
                      <a:gd name="connsiteY18" fmla="*/ 26806 h 403500"/>
                      <a:gd name="connsiteX19" fmla="*/ 123708 w 258592"/>
                      <a:gd name="connsiteY19" fmla="*/ 0 h 403500"/>
                      <a:gd name="connsiteX20" fmla="*/ 183221 w 258592"/>
                      <a:gd name="connsiteY20" fmla="*/ 13881 h 403500"/>
                      <a:gd name="connsiteX21" fmla="*/ 224830 w 258592"/>
                      <a:gd name="connsiteY21" fmla="*/ 51732 h 403500"/>
                      <a:gd name="connsiteX22" fmla="*/ 239239 w 258592"/>
                      <a:gd name="connsiteY22" fmla="*/ 102639 h 403500"/>
                      <a:gd name="connsiteX23" fmla="*/ 225490 w 258592"/>
                      <a:gd name="connsiteY23" fmla="*/ 149227 h 403500"/>
                      <a:gd name="connsiteX24" fmla="*/ 184803 w 258592"/>
                      <a:gd name="connsiteY24" fmla="*/ 182627 h 403500"/>
                      <a:gd name="connsiteX25" fmla="*/ 239206 w 258592"/>
                      <a:gd name="connsiteY25" fmla="*/ 216159 h 403500"/>
                      <a:gd name="connsiteX26" fmla="*/ 258593 w 258592"/>
                      <a:gd name="connsiteY26" fmla="*/ 279859 h 403500"/>
                      <a:gd name="connsiteX27" fmla="*/ 220874 w 258592"/>
                      <a:gd name="connsiteY27" fmla="*/ 367529 h 403500"/>
                      <a:gd name="connsiteX28" fmla="*/ 125521 w 258592"/>
                      <a:gd name="connsiteY28" fmla="*/ 403501 h 403500"/>
                      <a:gd name="connsiteX29" fmla="*/ 39203 w 258592"/>
                      <a:gd name="connsiteY29" fmla="*/ 372541 h 403500"/>
                      <a:gd name="connsiteX30" fmla="*/ 0 w 258592"/>
                      <a:gd name="connsiteY30" fmla="*/ 292289 h 4035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Lst>
                    <a:rect l="l" t="t" r="r" b="b"/>
                    <a:pathLst>
                      <a:path w="258592" h="403500">
                        <a:moveTo>
                          <a:pt x="66" y="292322"/>
                        </a:moveTo>
                        <a:lnTo>
                          <a:pt x="48534" y="285860"/>
                        </a:lnTo>
                        <a:cubicBezTo>
                          <a:pt x="54106" y="313325"/>
                          <a:pt x="63568" y="333140"/>
                          <a:pt x="76955" y="345241"/>
                        </a:cubicBezTo>
                        <a:cubicBezTo>
                          <a:pt x="90341" y="357374"/>
                          <a:pt x="106629" y="363408"/>
                          <a:pt x="125851" y="363408"/>
                        </a:cubicBezTo>
                        <a:cubicBezTo>
                          <a:pt x="148667" y="363408"/>
                          <a:pt x="167922" y="355495"/>
                          <a:pt x="183616" y="339702"/>
                        </a:cubicBezTo>
                        <a:cubicBezTo>
                          <a:pt x="199311" y="323909"/>
                          <a:pt x="207191" y="304324"/>
                          <a:pt x="207191" y="280980"/>
                        </a:cubicBezTo>
                        <a:cubicBezTo>
                          <a:pt x="207191" y="257637"/>
                          <a:pt x="199904" y="240359"/>
                          <a:pt x="185364" y="225885"/>
                        </a:cubicBezTo>
                        <a:cubicBezTo>
                          <a:pt x="170824" y="211444"/>
                          <a:pt x="152327" y="204190"/>
                          <a:pt x="129873" y="204190"/>
                        </a:cubicBezTo>
                        <a:cubicBezTo>
                          <a:pt x="120707" y="204190"/>
                          <a:pt x="109299" y="206004"/>
                          <a:pt x="95682" y="209564"/>
                        </a:cubicBezTo>
                        <a:lnTo>
                          <a:pt x="101057" y="166999"/>
                        </a:lnTo>
                        <a:cubicBezTo>
                          <a:pt x="104288" y="167362"/>
                          <a:pt x="106893" y="167526"/>
                          <a:pt x="108871" y="167526"/>
                        </a:cubicBezTo>
                        <a:cubicBezTo>
                          <a:pt x="129511" y="167526"/>
                          <a:pt x="148106" y="162152"/>
                          <a:pt x="164625" y="151370"/>
                        </a:cubicBezTo>
                        <a:cubicBezTo>
                          <a:pt x="181144" y="140589"/>
                          <a:pt x="189419" y="124004"/>
                          <a:pt x="189419" y="101551"/>
                        </a:cubicBezTo>
                        <a:cubicBezTo>
                          <a:pt x="189419" y="83779"/>
                          <a:pt x="183386" y="69041"/>
                          <a:pt x="171384" y="57369"/>
                        </a:cubicBezTo>
                        <a:cubicBezTo>
                          <a:pt x="159350" y="45698"/>
                          <a:pt x="143820" y="39862"/>
                          <a:pt x="124796" y="39862"/>
                        </a:cubicBezTo>
                        <a:cubicBezTo>
                          <a:pt x="105772" y="39862"/>
                          <a:pt x="90242" y="45797"/>
                          <a:pt x="77647" y="57634"/>
                        </a:cubicBezTo>
                        <a:cubicBezTo>
                          <a:pt x="65085" y="69470"/>
                          <a:pt x="57007" y="87275"/>
                          <a:pt x="53413" y="110981"/>
                        </a:cubicBezTo>
                        <a:lnTo>
                          <a:pt x="4946" y="102375"/>
                        </a:lnTo>
                        <a:cubicBezTo>
                          <a:pt x="10881" y="69866"/>
                          <a:pt x="24333" y="44709"/>
                          <a:pt x="45335" y="26806"/>
                        </a:cubicBezTo>
                        <a:cubicBezTo>
                          <a:pt x="66338" y="8935"/>
                          <a:pt x="92484" y="0"/>
                          <a:pt x="123708" y="0"/>
                        </a:cubicBezTo>
                        <a:cubicBezTo>
                          <a:pt x="145271" y="0"/>
                          <a:pt x="165087" y="4616"/>
                          <a:pt x="183221" y="13881"/>
                        </a:cubicBezTo>
                        <a:cubicBezTo>
                          <a:pt x="201355" y="23145"/>
                          <a:pt x="215236" y="35741"/>
                          <a:pt x="224830" y="51732"/>
                        </a:cubicBezTo>
                        <a:cubicBezTo>
                          <a:pt x="234425" y="67722"/>
                          <a:pt x="239239" y="84670"/>
                          <a:pt x="239239" y="102639"/>
                        </a:cubicBezTo>
                        <a:cubicBezTo>
                          <a:pt x="239239" y="120608"/>
                          <a:pt x="234656" y="135215"/>
                          <a:pt x="225490" y="149227"/>
                        </a:cubicBezTo>
                        <a:cubicBezTo>
                          <a:pt x="216324" y="163240"/>
                          <a:pt x="202773" y="174384"/>
                          <a:pt x="184803" y="182627"/>
                        </a:cubicBezTo>
                        <a:cubicBezTo>
                          <a:pt x="208147" y="188001"/>
                          <a:pt x="226281" y="199178"/>
                          <a:pt x="239206" y="216159"/>
                        </a:cubicBezTo>
                        <a:cubicBezTo>
                          <a:pt x="252130" y="233139"/>
                          <a:pt x="258593" y="254372"/>
                          <a:pt x="258593" y="279859"/>
                        </a:cubicBezTo>
                        <a:cubicBezTo>
                          <a:pt x="258593" y="314347"/>
                          <a:pt x="246031" y="343559"/>
                          <a:pt x="220874" y="367529"/>
                        </a:cubicBezTo>
                        <a:cubicBezTo>
                          <a:pt x="195717" y="391499"/>
                          <a:pt x="163966" y="403501"/>
                          <a:pt x="125521" y="403501"/>
                        </a:cubicBezTo>
                        <a:cubicBezTo>
                          <a:pt x="90869" y="403501"/>
                          <a:pt x="62085" y="393181"/>
                          <a:pt x="39203" y="372541"/>
                        </a:cubicBezTo>
                        <a:cubicBezTo>
                          <a:pt x="16321" y="351901"/>
                          <a:pt x="3231" y="325129"/>
                          <a:pt x="0" y="292289"/>
                        </a:cubicBezTo>
                        <a:close/>
                      </a:path>
                    </a:pathLst>
                  </a:custGeom>
                  <a:solidFill>
                    <a:schemeClr val="tx1"/>
                  </a:solidFill>
                  <a:ln w="317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82" name="Freeform: Shape 81">
                    <a:extLst>
                      <a:ext uri="{FF2B5EF4-FFF2-40B4-BE49-F238E27FC236}">
                        <a16:creationId xmlns:a16="http://schemas.microsoft.com/office/drawing/2014/main" id="{AE2893FA-18BF-3D00-7519-D7E2FA583E03}"/>
                      </a:ext>
                    </a:extLst>
                  </p:cNvPr>
                  <p:cNvSpPr/>
                  <p:nvPr/>
                </p:nvSpPr>
                <p:spPr>
                  <a:xfrm>
                    <a:off x="2787937" y="4220109"/>
                    <a:ext cx="260735" cy="403204"/>
                  </a:xfrm>
                  <a:custGeom>
                    <a:avLst/>
                    <a:gdLst>
                      <a:gd name="connsiteX0" fmla="*/ 253779 w 260735"/>
                      <a:gd name="connsiteY0" fmla="*/ 98320 h 403204"/>
                      <a:gd name="connsiteX1" fmla="*/ 205575 w 260735"/>
                      <a:gd name="connsiteY1" fmla="*/ 102079 h 403204"/>
                      <a:gd name="connsiteX2" fmla="*/ 187243 w 260735"/>
                      <a:gd name="connsiteY2" fmla="*/ 60601 h 403204"/>
                      <a:gd name="connsiteX3" fmla="*/ 138776 w 260735"/>
                      <a:gd name="connsiteY3" fmla="*/ 39862 h 403204"/>
                      <a:gd name="connsiteX4" fmla="*/ 98089 w 260735"/>
                      <a:gd name="connsiteY4" fmla="*/ 52787 h 403204"/>
                      <a:gd name="connsiteX5" fmla="*/ 61986 w 260735"/>
                      <a:gd name="connsiteY5" fmla="*/ 101551 h 403204"/>
                      <a:gd name="connsiteX6" fmla="*/ 48237 w 260735"/>
                      <a:gd name="connsiteY6" fmla="*/ 192849 h 403204"/>
                      <a:gd name="connsiteX7" fmla="*/ 91066 w 260735"/>
                      <a:gd name="connsiteY7" fmla="*/ 153250 h 403204"/>
                      <a:gd name="connsiteX8" fmla="*/ 144117 w 260735"/>
                      <a:gd name="connsiteY8" fmla="*/ 140325 h 403204"/>
                      <a:gd name="connsiteX9" fmla="*/ 226677 w 260735"/>
                      <a:gd name="connsiteY9" fmla="*/ 176000 h 403204"/>
                      <a:gd name="connsiteX10" fmla="*/ 260736 w 260735"/>
                      <a:gd name="connsiteY10" fmla="*/ 268254 h 403204"/>
                      <a:gd name="connsiteX11" fmla="*/ 244712 w 260735"/>
                      <a:gd name="connsiteY11" fmla="*/ 337328 h 403204"/>
                      <a:gd name="connsiteX12" fmla="*/ 200662 w 260735"/>
                      <a:gd name="connsiteY12" fmla="*/ 386224 h 403204"/>
                      <a:gd name="connsiteX13" fmla="*/ 137094 w 260735"/>
                      <a:gd name="connsiteY13" fmla="*/ 403204 h 403204"/>
                      <a:gd name="connsiteX14" fmla="*/ 38247 w 260735"/>
                      <a:gd name="connsiteY14" fmla="*/ 358627 h 403204"/>
                      <a:gd name="connsiteX15" fmla="*/ 0 w 260735"/>
                      <a:gd name="connsiteY15" fmla="*/ 211708 h 403204"/>
                      <a:gd name="connsiteX16" fmla="*/ 42302 w 260735"/>
                      <a:gd name="connsiteY16" fmla="*/ 45237 h 403204"/>
                      <a:gd name="connsiteX17" fmla="*/ 141677 w 260735"/>
                      <a:gd name="connsiteY17" fmla="*/ 0 h 403204"/>
                      <a:gd name="connsiteX18" fmla="*/ 218038 w 260735"/>
                      <a:gd name="connsiteY18" fmla="*/ 26113 h 403204"/>
                      <a:gd name="connsiteX19" fmla="*/ 253713 w 260735"/>
                      <a:gd name="connsiteY19" fmla="*/ 98287 h 403204"/>
                      <a:gd name="connsiteX20" fmla="*/ 55787 w 260735"/>
                      <a:gd name="connsiteY20" fmla="*/ 268550 h 403204"/>
                      <a:gd name="connsiteX21" fmla="*/ 66437 w 260735"/>
                      <a:gd name="connsiteY21" fmla="*/ 316490 h 403204"/>
                      <a:gd name="connsiteX22" fmla="*/ 96210 w 260735"/>
                      <a:gd name="connsiteY22" fmla="*/ 351374 h 403204"/>
                      <a:gd name="connsiteX23" fmla="*/ 136336 w 260735"/>
                      <a:gd name="connsiteY23" fmla="*/ 363375 h 403204"/>
                      <a:gd name="connsiteX24" fmla="*/ 189122 w 260735"/>
                      <a:gd name="connsiteY24" fmla="*/ 338581 h 403204"/>
                      <a:gd name="connsiteX25" fmla="*/ 211213 w 260735"/>
                      <a:gd name="connsiteY25" fmla="*/ 271254 h 403204"/>
                      <a:gd name="connsiteX26" fmla="*/ 189386 w 260735"/>
                      <a:gd name="connsiteY26" fmla="*/ 206729 h 403204"/>
                      <a:gd name="connsiteX27" fmla="*/ 134423 w 260735"/>
                      <a:gd name="connsiteY27" fmla="*/ 183155 h 403204"/>
                      <a:gd name="connsiteX28" fmla="*/ 78669 w 260735"/>
                      <a:gd name="connsiteY28" fmla="*/ 206729 h 403204"/>
                      <a:gd name="connsiteX29" fmla="*/ 55787 w 260735"/>
                      <a:gd name="connsiteY29" fmla="*/ 268550 h 4032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260735" h="403204">
                        <a:moveTo>
                          <a:pt x="253779" y="98320"/>
                        </a:moveTo>
                        <a:lnTo>
                          <a:pt x="205575" y="102079"/>
                        </a:lnTo>
                        <a:cubicBezTo>
                          <a:pt x="201256" y="83055"/>
                          <a:pt x="195156" y="69207"/>
                          <a:pt x="187243" y="60601"/>
                        </a:cubicBezTo>
                        <a:cubicBezTo>
                          <a:pt x="174121" y="46786"/>
                          <a:pt x="157965" y="39862"/>
                          <a:pt x="138776" y="39862"/>
                        </a:cubicBezTo>
                        <a:cubicBezTo>
                          <a:pt x="123345" y="39862"/>
                          <a:pt x="109761" y="44181"/>
                          <a:pt x="98089" y="52787"/>
                        </a:cubicBezTo>
                        <a:cubicBezTo>
                          <a:pt x="82824" y="63931"/>
                          <a:pt x="70789" y="80186"/>
                          <a:pt x="61986" y="101551"/>
                        </a:cubicBezTo>
                        <a:cubicBezTo>
                          <a:pt x="53182" y="122917"/>
                          <a:pt x="48600" y="153349"/>
                          <a:pt x="48237" y="192849"/>
                        </a:cubicBezTo>
                        <a:cubicBezTo>
                          <a:pt x="59909" y="175077"/>
                          <a:pt x="74185" y="161889"/>
                          <a:pt x="91066" y="153250"/>
                        </a:cubicBezTo>
                        <a:cubicBezTo>
                          <a:pt x="107948" y="144645"/>
                          <a:pt x="125620" y="140325"/>
                          <a:pt x="144117" y="140325"/>
                        </a:cubicBezTo>
                        <a:cubicBezTo>
                          <a:pt x="176429" y="140325"/>
                          <a:pt x="203960" y="152228"/>
                          <a:pt x="226677" y="176000"/>
                        </a:cubicBezTo>
                        <a:cubicBezTo>
                          <a:pt x="249394" y="199806"/>
                          <a:pt x="260736" y="230534"/>
                          <a:pt x="260736" y="268254"/>
                        </a:cubicBezTo>
                        <a:cubicBezTo>
                          <a:pt x="260736" y="293048"/>
                          <a:pt x="255395" y="316062"/>
                          <a:pt x="244712" y="337328"/>
                        </a:cubicBezTo>
                        <a:cubicBezTo>
                          <a:pt x="234029" y="358594"/>
                          <a:pt x="219357" y="374915"/>
                          <a:pt x="200662" y="386224"/>
                        </a:cubicBezTo>
                        <a:cubicBezTo>
                          <a:pt x="182001" y="397533"/>
                          <a:pt x="160800" y="403204"/>
                          <a:pt x="137094" y="403204"/>
                        </a:cubicBezTo>
                        <a:cubicBezTo>
                          <a:pt x="96704" y="403204"/>
                          <a:pt x="63733" y="388334"/>
                          <a:pt x="38247" y="358627"/>
                        </a:cubicBezTo>
                        <a:cubicBezTo>
                          <a:pt x="12760" y="328920"/>
                          <a:pt x="0" y="279925"/>
                          <a:pt x="0" y="211708"/>
                        </a:cubicBezTo>
                        <a:cubicBezTo>
                          <a:pt x="0" y="135380"/>
                          <a:pt x="14079" y="79922"/>
                          <a:pt x="42302" y="45237"/>
                        </a:cubicBezTo>
                        <a:cubicBezTo>
                          <a:pt x="66899" y="15068"/>
                          <a:pt x="100034" y="0"/>
                          <a:pt x="141677" y="0"/>
                        </a:cubicBezTo>
                        <a:cubicBezTo>
                          <a:pt x="172736" y="0"/>
                          <a:pt x="198190" y="8704"/>
                          <a:pt x="218038" y="26113"/>
                        </a:cubicBezTo>
                        <a:cubicBezTo>
                          <a:pt x="237887" y="43522"/>
                          <a:pt x="249790" y="67591"/>
                          <a:pt x="253713" y="98287"/>
                        </a:cubicBezTo>
                        <a:close/>
                        <a:moveTo>
                          <a:pt x="55787" y="268550"/>
                        </a:moveTo>
                        <a:cubicBezTo>
                          <a:pt x="55787" y="285233"/>
                          <a:pt x="59315" y="301225"/>
                          <a:pt x="66437" y="316490"/>
                        </a:cubicBezTo>
                        <a:cubicBezTo>
                          <a:pt x="73526" y="331756"/>
                          <a:pt x="83450" y="343395"/>
                          <a:pt x="96210" y="351374"/>
                        </a:cubicBezTo>
                        <a:cubicBezTo>
                          <a:pt x="108970" y="359353"/>
                          <a:pt x="122323" y="363375"/>
                          <a:pt x="136336" y="363375"/>
                        </a:cubicBezTo>
                        <a:cubicBezTo>
                          <a:pt x="156811" y="363375"/>
                          <a:pt x="174417" y="355133"/>
                          <a:pt x="189122" y="338581"/>
                        </a:cubicBezTo>
                        <a:cubicBezTo>
                          <a:pt x="203828" y="322062"/>
                          <a:pt x="211213" y="299609"/>
                          <a:pt x="211213" y="271254"/>
                        </a:cubicBezTo>
                        <a:cubicBezTo>
                          <a:pt x="211213" y="242899"/>
                          <a:pt x="203927" y="222457"/>
                          <a:pt x="189386" y="206729"/>
                        </a:cubicBezTo>
                        <a:cubicBezTo>
                          <a:pt x="174846" y="191035"/>
                          <a:pt x="156514" y="183155"/>
                          <a:pt x="134423" y="183155"/>
                        </a:cubicBezTo>
                        <a:cubicBezTo>
                          <a:pt x="112333" y="183155"/>
                          <a:pt x="93935" y="191002"/>
                          <a:pt x="78669" y="206729"/>
                        </a:cubicBezTo>
                        <a:cubicBezTo>
                          <a:pt x="63404" y="222457"/>
                          <a:pt x="55787" y="243064"/>
                          <a:pt x="55787" y="268550"/>
                        </a:cubicBezTo>
                        <a:close/>
                      </a:path>
                    </a:pathLst>
                  </a:custGeom>
                  <a:solidFill>
                    <a:schemeClr val="tx1"/>
                  </a:solidFill>
                  <a:ln w="317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83" name="Freeform: Shape 82">
                    <a:extLst>
                      <a:ext uri="{FF2B5EF4-FFF2-40B4-BE49-F238E27FC236}">
                        <a16:creationId xmlns:a16="http://schemas.microsoft.com/office/drawing/2014/main" id="{F6306D7E-7BE5-0725-81EF-89DDF7E415A8}"/>
                      </a:ext>
                    </a:extLst>
                  </p:cNvPr>
                  <p:cNvSpPr/>
                  <p:nvPr/>
                </p:nvSpPr>
                <p:spPr>
                  <a:xfrm>
                    <a:off x="3096910" y="4220109"/>
                    <a:ext cx="257504" cy="403204"/>
                  </a:xfrm>
                  <a:custGeom>
                    <a:avLst/>
                    <a:gdLst>
                      <a:gd name="connsiteX0" fmla="*/ 0 w 257504"/>
                      <a:gd name="connsiteY0" fmla="*/ 201751 h 403204"/>
                      <a:gd name="connsiteX1" fmla="*/ 14408 w 257504"/>
                      <a:gd name="connsiteY1" fmla="*/ 89022 h 403204"/>
                      <a:gd name="connsiteX2" fmla="*/ 57238 w 257504"/>
                      <a:gd name="connsiteY2" fmla="*/ 23179 h 403204"/>
                      <a:gd name="connsiteX3" fmla="*/ 128752 w 257504"/>
                      <a:gd name="connsiteY3" fmla="*/ 0 h 403204"/>
                      <a:gd name="connsiteX4" fmla="*/ 184506 w 257504"/>
                      <a:gd name="connsiteY4" fmla="*/ 12793 h 403204"/>
                      <a:gd name="connsiteX5" fmla="*/ 224105 w 257504"/>
                      <a:gd name="connsiteY5" fmla="*/ 49688 h 403204"/>
                      <a:gd name="connsiteX6" fmla="*/ 248602 w 257504"/>
                      <a:gd name="connsiteY6" fmla="*/ 108409 h 403204"/>
                      <a:gd name="connsiteX7" fmla="*/ 257505 w 257504"/>
                      <a:gd name="connsiteY7" fmla="*/ 201751 h 403204"/>
                      <a:gd name="connsiteX8" fmla="*/ 243228 w 257504"/>
                      <a:gd name="connsiteY8" fmla="*/ 313919 h 403204"/>
                      <a:gd name="connsiteX9" fmla="*/ 200531 w 257504"/>
                      <a:gd name="connsiteY9" fmla="*/ 379894 h 403204"/>
                      <a:gd name="connsiteX10" fmla="*/ 128752 w 257504"/>
                      <a:gd name="connsiteY10" fmla="*/ 403204 h 403204"/>
                      <a:gd name="connsiteX11" fmla="*/ 39071 w 257504"/>
                      <a:gd name="connsiteY11" fmla="*/ 362254 h 403204"/>
                      <a:gd name="connsiteX12" fmla="*/ 0 w 257504"/>
                      <a:gd name="connsiteY12" fmla="*/ 201718 h 403204"/>
                      <a:gd name="connsiteX13" fmla="*/ 49852 w 257504"/>
                      <a:gd name="connsiteY13" fmla="*/ 201751 h 403204"/>
                      <a:gd name="connsiteX14" fmla="*/ 72602 w 257504"/>
                      <a:gd name="connsiteY14" fmla="*/ 331162 h 403204"/>
                      <a:gd name="connsiteX15" fmla="*/ 128752 w 257504"/>
                      <a:gd name="connsiteY15" fmla="*/ 363342 h 403204"/>
                      <a:gd name="connsiteX16" fmla="*/ 184902 w 257504"/>
                      <a:gd name="connsiteY16" fmla="*/ 331030 h 403204"/>
                      <a:gd name="connsiteX17" fmla="*/ 207652 w 257504"/>
                      <a:gd name="connsiteY17" fmla="*/ 201751 h 403204"/>
                      <a:gd name="connsiteX18" fmla="*/ 184902 w 257504"/>
                      <a:gd name="connsiteY18" fmla="*/ 72207 h 403204"/>
                      <a:gd name="connsiteX19" fmla="*/ 128192 w 257504"/>
                      <a:gd name="connsiteY19" fmla="*/ 40159 h 403204"/>
                      <a:gd name="connsiteX20" fmla="*/ 74845 w 257504"/>
                      <a:gd name="connsiteY20" fmla="*/ 68448 h 403204"/>
                      <a:gd name="connsiteX21" fmla="*/ 49786 w 257504"/>
                      <a:gd name="connsiteY21" fmla="*/ 201784 h 4032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Lst>
                    <a:rect l="l" t="t" r="r" b="b"/>
                    <a:pathLst>
                      <a:path w="257504" h="403204">
                        <a:moveTo>
                          <a:pt x="0" y="201751"/>
                        </a:moveTo>
                        <a:cubicBezTo>
                          <a:pt x="0" y="155063"/>
                          <a:pt x="4814" y="117476"/>
                          <a:pt x="14408" y="89022"/>
                        </a:cubicBezTo>
                        <a:cubicBezTo>
                          <a:pt x="24003" y="60568"/>
                          <a:pt x="38279" y="38609"/>
                          <a:pt x="57238" y="23179"/>
                        </a:cubicBezTo>
                        <a:cubicBezTo>
                          <a:pt x="76196" y="7749"/>
                          <a:pt x="100001" y="0"/>
                          <a:pt x="128752" y="0"/>
                        </a:cubicBezTo>
                        <a:cubicBezTo>
                          <a:pt x="149953" y="0"/>
                          <a:pt x="168516" y="4253"/>
                          <a:pt x="184506" y="12793"/>
                        </a:cubicBezTo>
                        <a:cubicBezTo>
                          <a:pt x="200498" y="21333"/>
                          <a:pt x="213686" y="33631"/>
                          <a:pt x="224105" y="49688"/>
                        </a:cubicBezTo>
                        <a:cubicBezTo>
                          <a:pt x="234524" y="65745"/>
                          <a:pt x="242701" y="85329"/>
                          <a:pt x="248602" y="108409"/>
                        </a:cubicBezTo>
                        <a:cubicBezTo>
                          <a:pt x="254537" y="131489"/>
                          <a:pt x="257505" y="162581"/>
                          <a:pt x="257505" y="201751"/>
                        </a:cubicBezTo>
                        <a:cubicBezTo>
                          <a:pt x="257505" y="248075"/>
                          <a:pt x="252757" y="285465"/>
                          <a:pt x="243228" y="313919"/>
                        </a:cubicBezTo>
                        <a:cubicBezTo>
                          <a:pt x="233700" y="342373"/>
                          <a:pt x="219489" y="364397"/>
                          <a:pt x="200531" y="379894"/>
                        </a:cubicBezTo>
                        <a:cubicBezTo>
                          <a:pt x="181572" y="395423"/>
                          <a:pt x="157668" y="403204"/>
                          <a:pt x="128752" y="403204"/>
                        </a:cubicBezTo>
                        <a:cubicBezTo>
                          <a:pt x="90671" y="403204"/>
                          <a:pt x="60799" y="389554"/>
                          <a:pt x="39071" y="362254"/>
                        </a:cubicBezTo>
                        <a:cubicBezTo>
                          <a:pt x="13024" y="329382"/>
                          <a:pt x="0" y="275903"/>
                          <a:pt x="0" y="201718"/>
                        </a:cubicBezTo>
                        <a:close/>
                        <a:moveTo>
                          <a:pt x="49852" y="201751"/>
                        </a:moveTo>
                        <a:cubicBezTo>
                          <a:pt x="49852" y="266572"/>
                          <a:pt x="57436" y="309731"/>
                          <a:pt x="72602" y="331162"/>
                        </a:cubicBezTo>
                        <a:cubicBezTo>
                          <a:pt x="87769" y="352627"/>
                          <a:pt x="106497" y="363342"/>
                          <a:pt x="128752" y="363342"/>
                        </a:cubicBezTo>
                        <a:cubicBezTo>
                          <a:pt x="151008" y="363342"/>
                          <a:pt x="169735" y="352561"/>
                          <a:pt x="184902" y="331030"/>
                        </a:cubicBezTo>
                        <a:cubicBezTo>
                          <a:pt x="200069" y="309468"/>
                          <a:pt x="207652" y="266374"/>
                          <a:pt x="207652" y="201751"/>
                        </a:cubicBezTo>
                        <a:cubicBezTo>
                          <a:pt x="207652" y="137127"/>
                          <a:pt x="200069" y="93572"/>
                          <a:pt x="184902" y="72207"/>
                        </a:cubicBezTo>
                        <a:cubicBezTo>
                          <a:pt x="169735" y="50842"/>
                          <a:pt x="150843" y="40159"/>
                          <a:pt x="128192" y="40159"/>
                        </a:cubicBezTo>
                        <a:cubicBezTo>
                          <a:pt x="105541" y="40159"/>
                          <a:pt x="88132" y="49589"/>
                          <a:pt x="74845" y="68448"/>
                        </a:cubicBezTo>
                        <a:cubicBezTo>
                          <a:pt x="58161" y="92517"/>
                          <a:pt x="49786" y="136962"/>
                          <a:pt x="49786" y="201784"/>
                        </a:cubicBezTo>
                        <a:close/>
                      </a:path>
                    </a:pathLst>
                  </a:custGeom>
                  <a:solidFill>
                    <a:schemeClr val="tx1"/>
                  </a:solidFill>
                  <a:ln w="317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sp>
              <p:nvSpPr>
                <p:cNvPr id="80" name="Freeform: Shape 79">
                  <a:extLst>
                    <a:ext uri="{FF2B5EF4-FFF2-40B4-BE49-F238E27FC236}">
                      <a16:creationId xmlns:a16="http://schemas.microsoft.com/office/drawing/2014/main" id="{2EDF5EF1-ED44-FD1E-54B6-DDC7DC54FDE9}"/>
                    </a:ext>
                  </a:extLst>
                </p:cNvPr>
                <p:cNvSpPr/>
                <p:nvPr/>
              </p:nvSpPr>
              <p:spPr>
                <a:xfrm>
                  <a:off x="3351150" y="4151035"/>
                  <a:ext cx="86450" cy="86450"/>
                </a:xfrm>
                <a:custGeom>
                  <a:avLst/>
                  <a:gdLst>
                    <a:gd name="connsiteX0" fmla="*/ 86450 w 86450"/>
                    <a:gd name="connsiteY0" fmla="*/ 43225 h 86450"/>
                    <a:gd name="connsiteX1" fmla="*/ 43225 w 86450"/>
                    <a:gd name="connsiteY1" fmla="*/ 86450 h 86450"/>
                    <a:gd name="connsiteX2" fmla="*/ 0 w 86450"/>
                    <a:gd name="connsiteY2" fmla="*/ 43225 h 86450"/>
                    <a:gd name="connsiteX3" fmla="*/ 43225 w 86450"/>
                    <a:gd name="connsiteY3" fmla="*/ 0 h 86450"/>
                    <a:gd name="connsiteX4" fmla="*/ 86450 w 86450"/>
                    <a:gd name="connsiteY4" fmla="*/ 43225 h 8645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6450" h="86450">
                      <a:moveTo>
                        <a:pt x="86450" y="43225"/>
                      </a:moveTo>
                      <a:cubicBezTo>
                        <a:pt x="86450" y="67098"/>
                        <a:pt x="67098" y="86450"/>
                        <a:pt x="43225" y="86450"/>
                      </a:cubicBezTo>
                      <a:cubicBezTo>
                        <a:pt x="19352" y="86450"/>
                        <a:pt x="0" y="67098"/>
                        <a:pt x="0" y="43225"/>
                      </a:cubicBezTo>
                      <a:cubicBezTo>
                        <a:pt x="0" y="19352"/>
                        <a:pt x="19353" y="0"/>
                        <a:pt x="43225" y="0"/>
                      </a:cubicBezTo>
                      <a:cubicBezTo>
                        <a:pt x="67098" y="0"/>
                        <a:pt x="86450" y="19352"/>
                        <a:pt x="86450" y="43225"/>
                      </a:cubicBezTo>
                      <a:close/>
                    </a:path>
                  </a:pathLst>
                </a:custGeom>
                <a:solidFill>
                  <a:schemeClr val="bg1"/>
                </a:solidFill>
                <a:ln w="317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grpSp>
        <p:grpSp>
          <p:nvGrpSpPr>
            <p:cNvPr id="90" name="Graphic 110">
              <a:extLst>
                <a:ext uri="{FF2B5EF4-FFF2-40B4-BE49-F238E27FC236}">
                  <a16:creationId xmlns:a16="http://schemas.microsoft.com/office/drawing/2014/main" id="{A7167FED-701C-62B3-69D6-7757B3857A38}"/>
                </a:ext>
              </a:extLst>
            </p:cNvPr>
            <p:cNvGrpSpPr/>
            <p:nvPr/>
          </p:nvGrpSpPr>
          <p:grpSpPr>
            <a:xfrm>
              <a:off x="660447" y="5185020"/>
              <a:ext cx="215154" cy="217750"/>
              <a:chOff x="-2076182" y="2067661"/>
              <a:chExt cx="841864" cy="852018"/>
            </a:xfrm>
            <a:solidFill>
              <a:schemeClr val="tx1"/>
            </a:solidFill>
          </p:grpSpPr>
          <p:sp>
            <p:nvSpPr>
              <p:cNvPr id="91" name="Freeform: Shape 90">
                <a:extLst>
                  <a:ext uri="{FF2B5EF4-FFF2-40B4-BE49-F238E27FC236}">
                    <a16:creationId xmlns:a16="http://schemas.microsoft.com/office/drawing/2014/main" id="{0A034AEF-7B38-F318-3835-99ADCA397C96}"/>
                  </a:ext>
                </a:extLst>
              </p:cNvPr>
              <p:cNvSpPr/>
              <p:nvPr/>
            </p:nvSpPr>
            <p:spPr>
              <a:xfrm>
                <a:off x="-2076182" y="2295373"/>
                <a:ext cx="491382" cy="624306"/>
              </a:xfrm>
              <a:custGeom>
                <a:avLst/>
                <a:gdLst>
                  <a:gd name="connsiteX0" fmla="*/ 430756 w 491382"/>
                  <a:gd name="connsiteY0" fmla="*/ 329803 h 624306"/>
                  <a:gd name="connsiteX1" fmla="*/ 357318 w 491382"/>
                  <a:gd name="connsiteY1" fmla="*/ 297447 h 624306"/>
                  <a:gd name="connsiteX2" fmla="*/ 256744 w 491382"/>
                  <a:gd name="connsiteY2" fmla="*/ 270024 h 624306"/>
                  <a:gd name="connsiteX3" fmla="*/ 189383 w 491382"/>
                  <a:gd name="connsiteY3" fmla="*/ 252470 h 624306"/>
                  <a:gd name="connsiteX4" fmla="*/ 144310 w 491382"/>
                  <a:gd name="connsiteY4" fmla="*/ 233591 h 624306"/>
                  <a:gd name="connsiteX5" fmla="*/ 119927 w 491382"/>
                  <a:gd name="connsiteY5" fmla="*/ 209779 h 624306"/>
                  <a:gd name="connsiteX6" fmla="*/ 112527 w 491382"/>
                  <a:gd name="connsiteY6" fmla="*/ 173346 h 624306"/>
                  <a:gd name="connsiteX7" fmla="*/ 123343 w 491382"/>
                  <a:gd name="connsiteY7" fmla="*/ 126092 h 624306"/>
                  <a:gd name="connsiteX8" fmla="*/ 153140 w 491382"/>
                  <a:gd name="connsiteY8" fmla="*/ 92983 h 624306"/>
                  <a:gd name="connsiteX9" fmla="*/ 197631 w 491382"/>
                  <a:gd name="connsiteY9" fmla="*/ 73724 h 624306"/>
                  <a:gd name="connsiteX10" fmla="*/ 253419 w 491382"/>
                  <a:gd name="connsiteY10" fmla="*/ 67551 h 624306"/>
                  <a:gd name="connsiteX11" fmla="*/ 350298 w 491382"/>
                  <a:gd name="connsiteY11" fmla="*/ 84344 h 624306"/>
                  <a:gd name="connsiteX12" fmla="*/ 428756 w 491382"/>
                  <a:gd name="connsiteY12" fmla="*/ 134445 h 624306"/>
                  <a:gd name="connsiteX13" fmla="*/ 432461 w 491382"/>
                  <a:gd name="connsiteY13" fmla="*/ 138236 h 624306"/>
                  <a:gd name="connsiteX14" fmla="*/ 476104 w 491382"/>
                  <a:gd name="connsiteY14" fmla="*/ 85392 h 624306"/>
                  <a:gd name="connsiteX15" fmla="*/ 473256 w 491382"/>
                  <a:gd name="connsiteY15" fmla="*/ 82353 h 624306"/>
                  <a:gd name="connsiteX16" fmla="*/ 381607 w 491382"/>
                  <a:gd name="connsiteY16" fmla="*/ 22584 h 624306"/>
                  <a:gd name="connsiteX17" fmla="*/ 255791 w 491382"/>
                  <a:gd name="connsiteY17" fmla="*/ 0 h 624306"/>
                  <a:gd name="connsiteX18" fmla="*/ 168504 w 491382"/>
                  <a:gd name="connsiteY18" fmla="*/ 11573 h 624306"/>
                  <a:gd name="connsiteX19" fmla="*/ 96398 w 491382"/>
                  <a:gd name="connsiteY19" fmla="*/ 45920 h 624306"/>
                  <a:gd name="connsiteX20" fmla="*/ 47155 w 491382"/>
                  <a:gd name="connsiteY20" fmla="*/ 103889 h 624306"/>
                  <a:gd name="connsiteX21" fmla="*/ 28938 w 491382"/>
                  <a:gd name="connsiteY21" fmla="*/ 184633 h 624306"/>
                  <a:gd name="connsiteX22" fmla="*/ 41367 w 491382"/>
                  <a:gd name="connsiteY22" fmla="*/ 245450 h 624306"/>
                  <a:gd name="connsiteX23" fmla="*/ 79414 w 491382"/>
                  <a:gd name="connsiteY23" fmla="*/ 286531 h 624306"/>
                  <a:gd name="connsiteX24" fmla="*/ 142605 w 491382"/>
                  <a:gd name="connsiteY24" fmla="*/ 315563 h 624306"/>
                  <a:gd name="connsiteX25" fmla="*/ 231883 w 491382"/>
                  <a:gd name="connsiteY25" fmla="*/ 340709 h 624306"/>
                  <a:gd name="connsiteX26" fmla="*/ 309588 w 491382"/>
                  <a:gd name="connsiteY26" fmla="*/ 360540 h 624306"/>
                  <a:gd name="connsiteX27" fmla="*/ 364338 w 491382"/>
                  <a:gd name="connsiteY27" fmla="*/ 382267 h 624306"/>
                  <a:gd name="connsiteX28" fmla="*/ 396313 w 491382"/>
                  <a:gd name="connsiteY28" fmla="*/ 409880 h 624306"/>
                  <a:gd name="connsiteX29" fmla="*/ 406839 w 491382"/>
                  <a:gd name="connsiteY29" fmla="*/ 448780 h 624306"/>
                  <a:gd name="connsiteX30" fmla="*/ 366233 w 491382"/>
                  <a:gd name="connsiteY30" fmla="*/ 527437 h 624306"/>
                  <a:gd name="connsiteX31" fmla="*/ 254467 w 491382"/>
                  <a:gd name="connsiteY31" fmla="*/ 555612 h 624306"/>
                  <a:gd name="connsiteX32" fmla="*/ 145168 w 491382"/>
                  <a:gd name="connsiteY32" fmla="*/ 535496 h 624306"/>
                  <a:gd name="connsiteX33" fmla="*/ 44499 w 491382"/>
                  <a:gd name="connsiteY33" fmla="*/ 474774 h 624306"/>
                  <a:gd name="connsiteX34" fmla="*/ 40514 w 491382"/>
                  <a:gd name="connsiteY34" fmla="*/ 471459 h 624306"/>
                  <a:gd name="connsiteX35" fmla="*/ 0 w 491382"/>
                  <a:gd name="connsiteY35" fmla="*/ 531514 h 624306"/>
                  <a:gd name="connsiteX36" fmla="*/ 3037 w 491382"/>
                  <a:gd name="connsiteY36" fmla="*/ 534267 h 624306"/>
                  <a:gd name="connsiteX37" fmla="*/ 118504 w 491382"/>
                  <a:gd name="connsiteY37" fmla="*/ 601247 h 624306"/>
                  <a:gd name="connsiteX38" fmla="*/ 255515 w 491382"/>
                  <a:gd name="connsiteY38" fmla="*/ 624307 h 624306"/>
                  <a:gd name="connsiteX39" fmla="*/ 426860 w 491382"/>
                  <a:gd name="connsiteY39" fmla="*/ 575539 h 624306"/>
                  <a:gd name="connsiteX40" fmla="*/ 491382 w 491382"/>
                  <a:gd name="connsiteY40" fmla="*/ 441951 h 624306"/>
                  <a:gd name="connsiteX41" fmla="*/ 476009 w 491382"/>
                  <a:gd name="connsiteY41" fmla="*/ 375819 h 624306"/>
                  <a:gd name="connsiteX42" fmla="*/ 430565 w 491382"/>
                  <a:gd name="connsiteY42" fmla="*/ 329708 h 624306"/>
                  <a:gd name="connsiteX43" fmla="*/ 430756 w 491382"/>
                  <a:gd name="connsiteY43" fmla="*/ 329803 h 62430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Lst>
                <a:rect l="l" t="t" r="r" b="b"/>
                <a:pathLst>
                  <a:path w="491382" h="624306">
                    <a:moveTo>
                      <a:pt x="430756" y="329803"/>
                    </a:moveTo>
                    <a:cubicBezTo>
                      <a:pt x="411115" y="317468"/>
                      <a:pt x="386445" y="306553"/>
                      <a:pt x="357318" y="297447"/>
                    </a:cubicBezTo>
                    <a:cubicBezTo>
                      <a:pt x="328476" y="288341"/>
                      <a:pt x="294691" y="279130"/>
                      <a:pt x="256744" y="270024"/>
                    </a:cubicBezTo>
                    <a:cubicBezTo>
                      <a:pt x="230464" y="264052"/>
                      <a:pt x="207785" y="258166"/>
                      <a:pt x="189383" y="252470"/>
                    </a:cubicBezTo>
                    <a:cubicBezTo>
                      <a:pt x="171161" y="246879"/>
                      <a:pt x="155979" y="240516"/>
                      <a:pt x="144310" y="233591"/>
                    </a:cubicBezTo>
                    <a:cubicBezTo>
                      <a:pt x="132926" y="226857"/>
                      <a:pt x="124766" y="218885"/>
                      <a:pt x="119927" y="209779"/>
                    </a:cubicBezTo>
                    <a:cubicBezTo>
                      <a:pt x="114994" y="200673"/>
                      <a:pt x="112527" y="188433"/>
                      <a:pt x="112527" y="173346"/>
                    </a:cubicBezTo>
                    <a:cubicBezTo>
                      <a:pt x="112527" y="155219"/>
                      <a:pt x="116133" y="139379"/>
                      <a:pt x="123343" y="126092"/>
                    </a:cubicBezTo>
                    <a:cubicBezTo>
                      <a:pt x="130554" y="112814"/>
                      <a:pt x="140519" y="101708"/>
                      <a:pt x="153140" y="92983"/>
                    </a:cubicBezTo>
                    <a:cubicBezTo>
                      <a:pt x="165846" y="84249"/>
                      <a:pt x="180839" y="77800"/>
                      <a:pt x="197631" y="73724"/>
                    </a:cubicBezTo>
                    <a:cubicBezTo>
                      <a:pt x="214710" y="69637"/>
                      <a:pt x="233503" y="67551"/>
                      <a:pt x="253419" y="67551"/>
                    </a:cubicBezTo>
                    <a:cubicBezTo>
                      <a:pt x="286823" y="67551"/>
                      <a:pt x="319456" y="73247"/>
                      <a:pt x="350298" y="84344"/>
                    </a:cubicBezTo>
                    <a:cubicBezTo>
                      <a:pt x="380940" y="95450"/>
                      <a:pt x="407315" y="112243"/>
                      <a:pt x="428756" y="134445"/>
                    </a:cubicBezTo>
                    <a:lnTo>
                      <a:pt x="432461" y="138236"/>
                    </a:lnTo>
                    <a:lnTo>
                      <a:pt x="476104" y="85392"/>
                    </a:lnTo>
                    <a:lnTo>
                      <a:pt x="473256" y="82353"/>
                    </a:lnTo>
                    <a:cubicBezTo>
                      <a:pt x="450111" y="57683"/>
                      <a:pt x="419269" y="37567"/>
                      <a:pt x="381607" y="22584"/>
                    </a:cubicBezTo>
                    <a:cubicBezTo>
                      <a:pt x="344031" y="7591"/>
                      <a:pt x="301721" y="0"/>
                      <a:pt x="255791" y="0"/>
                    </a:cubicBezTo>
                    <a:cubicBezTo>
                      <a:pt x="225149" y="0"/>
                      <a:pt x="195831" y="3886"/>
                      <a:pt x="168504" y="11573"/>
                    </a:cubicBezTo>
                    <a:cubicBezTo>
                      <a:pt x="141082" y="19260"/>
                      <a:pt x="116892" y="30832"/>
                      <a:pt x="96398" y="45920"/>
                    </a:cubicBezTo>
                    <a:cubicBezTo>
                      <a:pt x="75809" y="61103"/>
                      <a:pt x="59205" y="80648"/>
                      <a:pt x="47155" y="103889"/>
                    </a:cubicBezTo>
                    <a:cubicBezTo>
                      <a:pt x="35105" y="127235"/>
                      <a:pt x="28938" y="154372"/>
                      <a:pt x="28938" y="184633"/>
                    </a:cubicBezTo>
                    <a:cubicBezTo>
                      <a:pt x="28938" y="208826"/>
                      <a:pt x="33113" y="229324"/>
                      <a:pt x="41367" y="245450"/>
                    </a:cubicBezTo>
                    <a:cubicBezTo>
                      <a:pt x="49717" y="261680"/>
                      <a:pt x="62526" y="275530"/>
                      <a:pt x="79414" y="286531"/>
                    </a:cubicBezTo>
                    <a:cubicBezTo>
                      <a:pt x="96018" y="297351"/>
                      <a:pt x="117271" y="307124"/>
                      <a:pt x="142605" y="315563"/>
                    </a:cubicBezTo>
                    <a:cubicBezTo>
                      <a:pt x="167561" y="323917"/>
                      <a:pt x="197536" y="332365"/>
                      <a:pt x="231883" y="340709"/>
                    </a:cubicBezTo>
                    <a:cubicBezTo>
                      <a:pt x="261011" y="347443"/>
                      <a:pt x="287205" y="354092"/>
                      <a:pt x="309588" y="360540"/>
                    </a:cubicBezTo>
                    <a:cubicBezTo>
                      <a:pt x="331505" y="366893"/>
                      <a:pt x="349917" y="374199"/>
                      <a:pt x="364338" y="382267"/>
                    </a:cubicBezTo>
                    <a:cubicBezTo>
                      <a:pt x="378473" y="390239"/>
                      <a:pt x="389198" y="399536"/>
                      <a:pt x="396313" y="409880"/>
                    </a:cubicBezTo>
                    <a:cubicBezTo>
                      <a:pt x="403333" y="420034"/>
                      <a:pt x="406839" y="433121"/>
                      <a:pt x="406839" y="448780"/>
                    </a:cubicBezTo>
                    <a:cubicBezTo>
                      <a:pt x="406839" y="483127"/>
                      <a:pt x="393561" y="508835"/>
                      <a:pt x="366233" y="527437"/>
                    </a:cubicBezTo>
                    <a:cubicBezTo>
                      <a:pt x="338716" y="546125"/>
                      <a:pt x="301149" y="555612"/>
                      <a:pt x="254467" y="555612"/>
                    </a:cubicBezTo>
                    <a:cubicBezTo>
                      <a:pt x="215757" y="555612"/>
                      <a:pt x="179039" y="548878"/>
                      <a:pt x="145168" y="535496"/>
                    </a:cubicBezTo>
                    <a:cubicBezTo>
                      <a:pt x="111294" y="522123"/>
                      <a:pt x="77422" y="501625"/>
                      <a:pt x="44499" y="474774"/>
                    </a:cubicBezTo>
                    <a:lnTo>
                      <a:pt x="40514" y="471459"/>
                    </a:lnTo>
                    <a:lnTo>
                      <a:pt x="0" y="531514"/>
                    </a:lnTo>
                    <a:lnTo>
                      <a:pt x="3037" y="534267"/>
                    </a:lnTo>
                    <a:cubicBezTo>
                      <a:pt x="35201" y="563394"/>
                      <a:pt x="74101" y="585978"/>
                      <a:pt x="118504" y="601247"/>
                    </a:cubicBezTo>
                    <a:cubicBezTo>
                      <a:pt x="162818" y="616525"/>
                      <a:pt x="208928" y="624307"/>
                      <a:pt x="255515" y="624307"/>
                    </a:cubicBezTo>
                    <a:cubicBezTo>
                      <a:pt x="326857" y="624307"/>
                      <a:pt x="384455" y="607895"/>
                      <a:pt x="426860" y="575539"/>
                    </a:cubicBezTo>
                    <a:cubicBezTo>
                      <a:pt x="469656" y="542801"/>
                      <a:pt x="491382" y="497929"/>
                      <a:pt x="491382" y="441951"/>
                    </a:cubicBezTo>
                    <a:cubicBezTo>
                      <a:pt x="491382" y="416233"/>
                      <a:pt x="486163" y="394030"/>
                      <a:pt x="476009" y="375819"/>
                    </a:cubicBezTo>
                    <a:cubicBezTo>
                      <a:pt x="465760" y="357692"/>
                      <a:pt x="450492" y="342233"/>
                      <a:pt x="430565" y="329708"/>
                    </a:cubicBezTo>
                    <a:lnTo>
                      <a:pt x="430756" y="329803"/>
                    </a:lnTo>
                    <a:close/>
                  </a:path>
                </a:pathLst>
              </a:custGeom>
              <a:grpFill/>
              <a:ln w="12700"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92" name="Freeform: Shape 91">
                <a:extLst>
                  <a:ext uri="{FF2B5EF4-FFF2-40B4-BE49-F238E27FC236}">
                    <a16:creationId xmlns:a16="http://schemas.microsoft.com/office/drawing/2014/main" id="{CCE661B0-C015-6B87-A17B-EA90F14881D9}"/>
                  </a:ext>
                </a:extLst>
              </p:cNvPr>
              <p:cNvSpPr/>
              <p:nvPr/>
            </p:nvSpPr>
            <p:spPr>
              <a:xfrm>
                <a:off x="-1466585" y="2067661"/>
                <a:ext cx="232267" cy="847465"/>
              </a:xfrm>
              <a:custGeom>
                <a:avLst/>
                <a:gdLst>
                  <a:gd name="connsiteX0" fmla="*/ 211398 w 232267"/>
                  <a:gd name="connsiteY0" fmla="*/ 755149 h 847465"/>
                  <a:gd name="connsiteX1" fmla="*/ 180270 w 232267"/>
                  <a:gd name="connsiteY1" fmla="*/ 764064 h 847465"/>
                  <a:gd name="connsiteX2" fmla="*/ 151619 w 232267"/>
                  <a:gd name="connsiteY2" fmla="*/ 767388 h 847465"/>
                  <a:gd name="connsiteX3" fmla="*/ 103803 w 232267"/>
                  <a:gd name="connsiteY3" fmla="*/ 750024 h 847465"/>
                  <a:gd name="connsiteX4" fmla="*/ 86916 w 232267"/>
                  <a:gd name="connsiteY4" fmla="*/ 701542 h 847465"/>
                  <a:gd name="connsiteX5" fmla="*/ 86916 w 232267"/>
                  <a:gd name="connsiteY5" fmla="*/ 0 h 847465"/>
                  <a:gd name="connsiteX6" fmla="*/ 0 w 232267"/>
                  <a:gd name="connsiteY6" fmla="*/ 0 h 847465"/>
                  <a:gd name="connsiteX7" fmla="*/ 0 w 232267"/>
                  <a:gd name="connsiteY7" fmla="*/ 727726 h 847465"/>
                  <a:gd name="connsiteX8" fmla="*/ 32166 w 232267"/>
                  <a:gd name="connsiteY8" fmla="*/ 815966 h 847465"/>
                  <a:gd name="connsiteX9" fmla="*/ 119739 w 232267"/>
                  <a:gd name="connsiteY9" fmla="*/ 847465 h 847465"/>
                  <a:gd name="connsiteX10" fmla="*/ 174679 w 232267"/>
                  <a:gd name="connsiteY10" fmla="*/ 841674 h 847465"/>
                  <a:gd name="connsiteX11" fmla="*/ 228667 w 232267"/>
                  <a:gd name="connsiteY11" fmla="*/ 826586 h 847465"/>
                  <a:gd name="connsiteX12" fmla="*/ 232267 w 232267"/>
                  <a:gd name="connsiteY12" fmla="*/ 825072 h 847465"/>
                  <a:gd name="connsiteX13" fmla="*/ 216608 w 232267"/>
                  <a:gd name="connsiteY13" fmla="*/ 753148 h 847465"/>
                  <a:gd name="connsiteX14" fmla="*/ 211493 w 232267"/>
                  <a:gd name="connsiteY14" fmla="*/ 755149 h 847465"/>
                  <a:gd name="connsiteX15" fmla="*/ 211398 w 232267"/>
                  <a:gd name="connsiteY15" fmla="*/ 755149 h 84746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232267" h="847465">
                    <a:moveTo>
                      <a:pt x="211398" y="755149"/>
                    </a:moveTo>
                    <a:cubicBezTo>
                      <a:pt x="201911" y="758844"/>
                      <a:pt x="191376" y="761788"/>
                      <a:pt x="180270" y="764064"/>
                    </a:cubicBezTo>
                    <a:cubicBezTo>
                      <a:pt x="169269" y="766245"/>
                      <a:pt x="159591" y="767388"/>
                      <a:pt x="151619" y="767388"/>
                    </a:cubicBezTo>
                    <a:cubicBezTo>
                      <a:pt x="131035" y="767388"/>
                      <a:pt x="114900" y="761502"/>
                      <a:pt x="103803" y="750024"/>
                    </a:cubicBezTo>
                    <a:cubicBezTo>
                      <a:pt x="92602" y="738442"/>
                      <a:pt x="86916" y="722126"/>
                      <a:pt x="86916" y="701542"/>
                    </a:cubicBezTo>
                    <a:lnTo>
                      <a:pt x="86916" y="0"/>
                    </a:lnTo>
                    <a:lnTo>
                      <a:pt x="0" y="0"/>
                    </a:lnTo>
                    <a:lnTo>
                      <a:pt x="0" y="727726"/>
                    </a:lnTo>
                    <a:cubicBezTo>
                      <a:pt x="0" y="765293"/>
                      <a:pt x="10820" y="794992"/>
                      <a:pt x="32166" y="815966"/>
                    </a:cubicBezTo>
                    <a:cubicBezTo>
                      <a:pt x="53511" y="836930"/>
                      <a:pt x="82925" y="847465"/>
                      <a:pt x="119739" y="847465"/>
                    </a:cubicBezTo>
                    <a:cubicBezTo>
                      <a:pt x="135112" y="847465"/>
                      <a:pt x="153610" y="845560"/>
                      <a:pt x="174679" y="841674"/>
                    </a:cubicBezTo>
                    <a:cubicBezTo>
                      <a:pt x="195834" y="837788"/>
                      <a:pt x="213960" y="832758"/>
                      <a:pt x="228667" y="826586"/>
                    </a:cubicBezTo>
                    <a:lnTo>
                      <a:pt x="232267" y="825072"/>
                    </a:lnTo>
                    <a:lnTo>
                      <a:pt x="216608" y="753148"/>
                    </a:lnTo>
                    <a:lnTo>
                      <a:pt x="211493" y="755149"/>
                    </a:lnTo>
                    <a:lnTo>
                      <a:pt x="211398" y="755149"/>
                    </a:lnTo>
                    <a:close/>
                  </a:path>
                </a:pathLst>
              </a:custGeom>
              <a:grpFill/>
              <a:ln w="12700"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grpSp>
          <p:nvGrpSpPr>
            <p:cNvPr id="93" name="Graphic 30">
              <a:extLst>
                <a:ext uri="{FF2B5EF4-FFF2-40B4-BE49-F238E27FC236}">
                  <a16:creationId xmlns:a16="http://schemas.microsoft.com/office/drawing/2014/main" id="{B59E2FFF-8CB9-CEE2-F614-D0806E67101E}"/>
                </a:ext>
              </a:extLst>
            </p:cNvPr>
            <p:cNvGrpSpPr/>
            <p:nvPr/>
          </p:nvGrpSpPr>
          <p:grpSpPr>
            <a:xfrm>
              <a:off x="624714" y="4500336"/>
              <a:ext cx="305471" cy="305471"/>
              <a:chOff x="7536871" y="3400380"/>
              <a:chExt cx="2898131" cy="2898131"/>
            </a:xfrm>
            <a:solidFill>
              <a:schemeClr val="tx1"/>
            </a:solidFill>
          </p:grpSpPr>
          <p:grpSp>
            <p:nvGrpSpPr>
              <p:cNvPr id="94" name="Graphic 30">
                <a:extLst>
                  <a:ext uri="{FF2B5EF4-FFF2-40B4-BE49-F238E27FC236}">
                    <a16:creationId xmlns:a16="http://schemas.microsoft.com/office/drawing/2014/main" id="{21310DF0-10CB-0109-DFEE-4EA4F8E0FF3B}"/>
                  </a:ext>
                </a:extLst>
              </p:cNvPr>
              <p:cNvGrpSpPr/>
              <p:nvPr/>
            </p:nvGrpSpPr>
            <p:grpSpPr>
              <a:xfrm>
                <a:off x="7536871" y="3400380"/>
                <a:ext cx="2898131" cy="2898131"/>
                <a:chOff x="7536871" y="3400380"/>
                <a:chExt cx="2898131" cy="2898131"/>
              </a:xfrm>
              <a:grpFill/>
            </p:grpSpPr>
            <p:sp>
              <p:nvSpPr>
                <p:cNvPr id="98" name="Freeform: Shape 97">
                  <a:extLst>
                    <a:ext uri="{FF2B5EF4-FFF2-40B4-BE49-F238E27FC236}">
                      <a16:creationId xmlns:a16="http://schemas.microsoft.com/office/drawing/2014/main" id="{9B4C044B-2B3D-215D-345A-75AFBCC92344}"/>
                    </a:ext>
                  </a:extLst>
                </p:cNvPr>
                <p:cNvSpPr/>
                <p:nvPr/>
              </p:nvSpPr>
              <p:spPr>
                <a:xfrm>
                  <a:off x="7894147" y="3735071"/>
                  <a:ext cx="984287" cy="1029425"/>
                </a:xfrm>
                <a:custGeom>
                  <a:avLst/>
                  <a:gdLst>
                    <a:gd name="connsiteX0" fmla="*/ 562950 w 984287"/>
                    <a:gd name="connsiteY0" fmla="*/ 909938 h 1029425"/>
                    <a:gd name="connsiteX1" fmla="*/ 575709 w 984287"/>
                    <a:gd name="connsiteY1" fmla="*/ 909938 h 1029425"/>
                    <a:gd name="connsiteX2" fmla="*/ 864701 w 984287"/>
                    <a:gd name="connsiteY2" fmla="*/ 687086 h 1029425"/>
                    <a:gd name="connsiteX3" fmla="*/ 738191 w 984287"/>
                    <a:gd name="connsiteY3" fmla="*/ 512998 h 1029425"/>
                    <a:gd name="connsiteX4" fmla="*/ 450353 w 984287"/>
                    <a:gd name="connsiteY4" fmla="*/ 829851 h 1029425"/>
                    <a:gd name="connsiteX5" fmla="*/ 475873 w 984287"/>
                    <a:gd name="connsiteY5" fmla="*/ 930842 h 1029425"/>
                    <a:gd name="connsiteX6" fmla="*/ 351670 w 984287"/>
                    <a:gd name="connsiteY6" fmla="*/ 956362 h 1029425"/>
                    <a:gd name="connsiteX7" fmla="*/ 340065 w 984287"/>
                    <a:gd name="connsiteY7" fmla="*/ 899486 h 1029425"/>
                    <a:gd name="connsiteX8" fmla="*/ 128818 w 984287"/>
                    <a:gd name="connsiteY8" fmla="*/ 969121 h 1029425"/>
                    <a:gd name="connsiteX9" fmla="*/ 0 w 984287"/>
                    <a:gd name="connsiteY9" fmla="*/ 831005 h 1029425"/>
                    <a:gd name="connsiteX10" fmla="*/ 319194 w 984287"/>
                    <a:gd name="connsiteY10" fmla="*/ 434065 h 1029425"/>
                    <a:gd name="connsiteX11" fmla="*/ 330799 w 984287"/>
                    <a:gd name="connsiteY11" fmla="*/ 251834 h 1029425"/>
                    <a:gd name="connsiteX12" fmla="*/ 257670 w 984287"/>
                    <a:gd name="connsiteY12" fmla="*/ 251834 h 1029425"/>
                    <a:gd name="connsiteX13" fmla="*/ 80087 w 984287"/>
                    <a:gd name="connsiteY13" fmla="*/ 249526 h 1029425"/>
                    <a:gd name="connsiteX14" fmla="*/ 78933 w 984287"/>
                    <a:gd name="connsiteY14" fmla="*/ 133468 h 1029425"/>
                    <a:gd name="connsiteX15" fmla="*/ 341252 w 984287"/>
                    <a:gd name="connsiteY15" fmla="*/ 145073 h 1029425"/>
                    <a:gd name="connsiteX16" fmla="*/ 362155 w 984287"/>
                    <a:gd name="connsiteY16" fmla="*/ 0 h 1029425"/>
                    <a:gd name="connsiteX17" fmla="*/ 486357 w 984287"/>
                    <a:gd name="connsiteY17" fmla="*/ 12760 h 1029425"/>
                    <a:gd name="connsiteX18" fmla="*/ 461992 w 984287"/>
                    <a:gd name="connsiteY18" fmla="*/ 143919 h 1029425"/>
                    <a:gd name="connsiteX19" fmla="*/ 789297 w 984287"/>
                    <a:gd name="connsiteY19" fmla="*/ 126510 h 1029425"/>
                    <a:gd name="connsiteX20" fmla="*/ 784648 w 984287"/>
                    <a:gd name="connsiteY20" fmla="*/ 236766 h 1029425"/>
                    <a:gd name="connsiteX21" fmla="*/ 448045 w 984287"/>
                    <a:gd name="connsiteY21" fmla="*/ 250680 h 1029425"/>
                    <a:gd name="connsiteX22" fmla="*/ 435285 w 984287"/>
                    <a:gd name="connsiteY22" fmla="*/ 395753 h 1029425"/>
                    <a:gd name="connsiteX23" fmla="*/ 579204 w 984287"/>
                    <a:gd name="connsiteY23" fmla="*/ 379498 h 1029425"/>
                    <a:gd name="connsiteX24" fmla="*/ 673205 w 984287"/>
                    <a:gd name="connsiteY24" fmla="*/ 386455 h 1029425"/>
                    <a:gd name="connsiteX25" fmla="*/ 699911 w 984287"/>
                    <a:gd name="connsiteY25" fmla="*/ 323777 h 1029425"/>
                    <a:gd name="connsiteX26" fmla="*/ 818311 w 984287"/>
                    <a:gd name="connsiteY26" fmla="*/ 366705 h 1029425"/>
                    <a:gd name="connsiteX27" fmla="*/ 792792 w 984287"/>
                    <a:gd name="connsiteY27" fmla="*/ 417778 h 1029425"/>
                    <a:gd name="connsiteX28" fmla="*/ 984288 w 984287"/>
                    <a:gd name="connsiteY28" fmla="*/ 695164 h 1029425"/>
                    <a:gd name="connsiteX29" fmla="*/ 614022 w 984287"/>
                    <a:gd name="connsiteY29" fmla="*/ 1029426 h 1029425"/>
                    <a:gd name="connsiteX30" fmla="*/ 562950 w 984287"/>
                    <a:gd name="connsiteY30" fmla="*/ 909872 h 1029425"/>
                    <a:gd name="connsiteX31" fmla="*/ 315731 w 984287"/>
                    <a:gd name="connsiteY31" fmla="*/ 553619 h 1029425"/>
                    <a:gd name="connsiteX32" fmla="*/ 120740 w 984287"/>
                    <a:gd name="connsiteY32" fmla="*/ 798529 h 1029425"/>
                    <a:gd name="connsiteX33" fmla="*/ 168318 w 984287"/>
                    <a:gd name="connsiteY33" fmla="*/ 848447 h 1029425"/>
                    <a:gd name="connsiteX34" fmla="*/ 324997 w 984287"/>
                    <a:gd name="connsiteY34" fmla="*/ 781120 h 1029425"/>
                    <a:gd name="connsiteX35" fmla="*/ 315699 w 984287"/>
                    <a:gd name="connsiteY35" fmla="*/ 553619 h 1029425"/>
                    <a:gd name="connsiteX36" fmla="*/ 579204 w 984287"/>
                    <a:gd name="connsiteY36" fmla="*/ 482830 h 1029425"/>
                    <a:gd name="connsiteX37" fmla="*/ 430636 w 984287"/>
                    <a:gd name="connsiteY37" fmla="*/ 503733 h 1029425"/>
                    <a:gd name="connsiteX38" fmla="*/ 435285 w 984287"/>
                    <a:gd name="connsiteY38" fmla="*/ 697571 h 1029425"/>
                    <a:gd name="connsiteX39" fmla="*/ 618671 w 984287"/>
                    <a:gd name="connsiteY39" fmla="*/ 484017 h 1029425"/>
                    <a:gd name="connsiteX40" fmla="*/ 579204 w 984287"/>
                    <a:gd name="connsiteY40" fmla="*/ 482863 h 10294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Lst>
                  <a:rect l="l" t="t" r="r" b="b"/>
                  <a:pathLst>
                    <a:path w="984287" h="1029425">
                      <a:moveTo>
                        <a:pt x="562950" y="909938"/>
                      </a:moveTo>
                      <a:lnTo>
                        <a:pt x="575709" y="909938"/>
                      </a:lnTo>
                      <a:cubicBezTo>
                        <a:pt x="770701" y="909938"/>
                        <a:pt x="864701" y="793880"/>
                        <a:pt x="864701" y="687086"/>
                      </a:cubicBezTo>
                      <a:cubicBezTo>
                        <a:pt x="864701" y="646466"/>
                        <a:pt x="853096" y="560576"/>
                        <a:pt x="738191" y="512998"/>
                      </a:cubicBezTo>
                      <a:cubicBezTo>
                        <a:pt x="668556" y="622100"/>
                        <a:pt x="573368" y="737004"/>
                        <a:pt x="450353" y="829851"/>
                      </a:cubicBezTo>
                      <a:cubicBezTo>
                        <a:pt x="457310" y="866977"/>
                        <a:pt x="465454" y="901827"/>
                        <a:pt x="475873" y="930842"/>
                      </a:cubicBezTo>
                      <a:lnTo>
                        <a:pt x="351670" y="956362"/>
                      </a:lnTo>
                      <a:cubicBezTo>
                        <a:pt x="347022" y="938953"/>
                        <a:pt x="343560" y="919236"/>
                        <a:pt x="340065" y="899486"/>
                      </a:cubicBezTo>
                      <a:cubicBezTo>
                        <a:pt x="290147" y="927347"/>
                        <a:pt x="199607" y="969121"/>
                        <a:pt x="128818" y="969121"/>
                      </a:cubicBezTo>
                      <a:cubicBezTo>
                        <a:pt x="38279" y="969121"/>
                        <a:pt x="0" y="907597"/>
                        <a:pt x="0" y="831005"/>
                      </a:cubicBezTo>
                      <a:cubicBezTo>
                        <a:pt x="0" y="720750"/>
                        <a:pt x="76592" y="543167"/>
                        <a:pt x="319194" y="434065"/>
                      </a:cubicBezTo>
                      <a:cubicBezTo>
                        <a:pt x="321501" y="372541"/>
                        <a:pt x="326151" y="311050"/>
                        <a:pt x="330799" y="251834"/>
                      </a:cubicBezTo>
                      <a:lnTo>
                        <a:pt x="257670" y="251834"/>
                      </a:lnTo>
                      <a:cubicBezTo>
                        <a:pt x="191496" y="251834"/>
                        <a:pt x="131159" y="250680"/>
                        <a:pt x="80087" y="249526"/>
                      </a:cubicBezTo>
                      <a:lnTo>
                        <a:pt x="78933" y="133468"/>
                      </a:lnTo>
                      <a:cubicBezTo>
                        <a:pt x="154371" y="140424"/>
                        <a:pt x="244909" y="145073"/>
                        <a:pt x="341252" y="145073"/>
                      </a:cubicBezTo>
                      <a:cubicBezTo>
                        <a:pt x="347054" y="92847"/>
                        <a:pt x="354011" y="44082"/>
                        <a:pt x="362155" y="0"/>
                      </a:cubicBezTo>
                      <a:lnTo>
                        <a:pt x="486357" y="12760"/>
                      </a:lnTo>
                      <a:cubicBezTo>
                        <a:pt x="478246" y="53381"/>
                        <a:pt x="468949" y="97496"/>
                        <a:pt x="461992" y="143919"/>
                      </a:cubicBezTo>
                      <a:cubicBezTo>
                        <a:pt x="578050" y="142765"/>
                        <a:pt x="692955" y="135808"/>
                        <a:pt x="789297" y="126510"/>
                      </a:cubicBezTo>
                      <a:lnTo>
                        <a:pt x="784648" y="236766"/>
                      </a:lnTo>
                      <a:cubicBezTo>
                        <a:pt x="695263" y="242569"/>
                        <a:pt x="573401" y="247218"/>
                        <a:pt x="448045" y="250680"/>
                      </a:cubicBezTo>
                      <a:cubicBezTo>
                        <a:pt x="443396" y="297103"/>
                        <a:pt x="438747" y="347021"/>
                        <a:pt x="435285" y="395753"/>
                      </a:cubicBezTo>
                      <a:cubicBezTo>
                        <a:pt x="482863" y="384147"/>
                        <a:pt x="531627" y="379498"/>
                        <a:pt x="579204" y="379498"/>
                      </a:cubicBezTo>
                      <a:cubicBezTo>
                        <a:pt x="611714" y="379498"/>
                        <a:pt x="643036" y="381806"/>
                        <a:pt x="673205" y="386455"/>
                      </a:cubicBezTo>
                      <a:cubicBezTo>
                        <a:pt x="683657" y="365551"/>
                        <a:pt x="691768" y="344681"/>
                        <a:pt x="699911" y="323777"/>
                      </a:cubicBezTo>
                      <a:lnTo>
                        <a:pt x="818311" y="366705"/>
                      </a:lnTo>
                      <a:cubicBezTo>
                        <a:pt x="810201" y="382960"/>
                        <a:pt x="802056" y="400369"/>
                        <a:pt x="792792" y="417778"/>
                      </a:cubicBezTo>
                      <a:cubicBezTo>
                        <a:pt x="849667" y="442144"/>
                        <a:pt x="984288" y="512965"/>
                        <a:pt x="984288" y="695164"/>
                      </a:cubicBezTo>
                      <a:cubicBezTo>
                        <a:pt x="984288" y="858833"/>
                        <a:pt x="853129" y="1023623"/>
                        <a:pt x="614022" y="1029426"/>
                      </a:cubicBezTo>
                      <a:lnTo>
                        <a:pt x="562950" y="909872"/>
                      </a:lnTo>
                      <a:close/>
                      <a:moveTo>
                        <a:pt x="315731" y="553619"/>
                      </a:moveTo>
                      <a:cubicBezTo>
                        <a:pt x="195024" y="622100"/>
                        <a:pt x="120740" y="734697"/>
                        <a:pt x="120740" y="798529"/>
                      </a:cubicBezTo>
                      <a:cubicBezTo>
                        <a:pt x="120740" y="828697"/>
                        <a:pt x="135841" y="848447"/>
                        <a:pt x="168318" y="848447"/>
                      </a:cubicBezTo>
                      <a:cubicBezTo>
                        <a:pt x="172967" y="848447"/>
                        <a:pt x="221698" y="848447"/>
                        <a:pt x="324997" y="781120"/>
                      </a:cubicBezTo>
                      <a:cubicBezTo>
                        <a:pt x="318040" y="710331"/>
                        <a:pt x="315699" y="632552"/>
                        <a:pt x="315699" y="553619"/>
                      </a:cubicBezTo>
                      <a:close/>
                      <a:moveTo>
                        <a:pt x="579204" y="482830"/>
                      </a:moveTo>
                      <a:cubicBezTo>
                        <a:pt x="531627" y="482830"/>
                        <a:pt x="481708" y="488633"/>
                        <a:pt x="430636" y="503733"/>
                      </a:cubicBezTo>
                      <a:cubicBezTo>
                        <a:pt x="430636" y="576864"/>
                        <a:pt x="431791" y="639542"/>
                        <a:pt x="435285" y="697571"/>
                      </a:cubicBezTo>
                      <a:cubicBezTo>
                        <a:pt x="506075" y="636047"/>
                        <a:pt x="568753" y="561763"/>
                        <a:pt x="618671" y="484017"/>
                      </a:cubicBezTo>
                      <a:cubicBezTo>
                        <a:pt x="605911" y="482863"/>
                        <a:pt x="593151" y="482863"/>
                        <a:pt x="579204" y="482863"/>
                      </a:cubicBez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99" name="Freeform: Shape 98">
                  <a:extLst>
                    <a:ext uri="{FF2B5EF4-FFF2-40B4-BE49-F238E27FC236}">
                      <a16:creationId xmlns:a16="http://schemas.microsoft.com/office/drawing/2014/main" id="{A419C5A1-D4F2-F097-5073-A88A0B6EF27F}"/>
                    </a:ext>
                  </a:extLst>
                </p:cNvPr>
                <p:cNvSpPr/>
                <p:nvPr/>
              </p:nvSpPr>
              <p:spPr>
                <a:xfrm>
                  <a:off x="8736098" y="4599574"/>
                  <a:ext cx="1698904" cy="1698937"/>
                </a:xfrm>
                <a:custGeom>
                  <a:avLst/>
                  <a:gdLst>
                    <a:gd name="connsiteX0" fmla="*/ 1331936 w 1698904"/>
                    <a:gd name="connsiteY0" fmla="*/ 0 h 1698937"/>
                    <a:gd name="connsiteX1" fmla="*/ 366969 w 1698904"/>
                    <a:gd name="connsiteY1" fmla="*/ 0 h 1698937"/>
                    <a:gd name="connsiteX2" fmla="*/ 359221 w 1698904"/>
                    <a:gd name="connsiteY2" fmla="*/ 99 h 1698937"/>
                    <a:gd name="connsiteX3" fmla="*/ 66 w 1698904"/>
                    <a:gd name="connsiteY3" fmla="*/ 359254 h 1698937"/>
                    <a:gd name="connsiteX4" fmla="*/ 90572 w 1698904"/>
                    <a:gd name="connsiteY4" fmla="*/ 359254 h 1698937"/>
                    <a:gd name="connsiteX5" fmla="*/ 359221 w 1698904"/>
                    <a:gd name="connsiteY5" fmla="*/ 90605 h 1698937"/>
                    <a:gd name="connsiteX6" fmla="*/ 366969 w 1698904"/>
                    <a:gd name="connsiteY6" fmla="*/ 90506 h 1698937"/>
                    <a:gd name="connsiteX7" fmla="*/ 1331936 w 1698904"/>
                    <a:gd name="connsiteY7" fmla="*/ 90506 h 1698937"/>
                    <a:gd name="connsiteX8" fmla="*/ 1608432 w 1698904"/>
                    <a:gd name="connsiteY8" fmla="*/ 367002 h 1698937"/>
                    <a:gd name="connsiteX9" fmla="*/ 1608432 w 1698904"/>
                    <a:gd name="connsiteY9" fmla="*/ 1331969 h 1698937"/>
                    <a:gd name="connsiteX10" fmla="*/ 1331936 w 1698904"/>
                    <a:gd name="connsiteY10" fmla="*/ 1608465 h 1698937"/>
                    <a:gd name="connsiteX11" fmla="*/ 366969 w 1698904"/>
                    <a:gd name="connsiteY11" fmla="*/ 1608465 h 1698937"/>
                    <a:gd name="connsiteX12" fmla="*/ 90473 w 1698904"/>
                    <a:gd name="connsiteY12" fmla="*/ 1331969 h 1698937"/>
                    <a:gd name="connsiteX13" fmla="*/ 90473 w 1698904"/>
                    <a:gd name="connsiteY13" fmla="*/ 549695 h 1698937"/>
                    <a:gd name="connsiteX14" fmla="*/ 0 w 1698904"/>
                    <a:gd name="connsiteY14" fmla="*/ 549695 h 1698937"/>
                    <a:gd name="connsiteX15" fmla="*/ 0 w 1698904"/>
                    <a:gd name="connsiteY15" fmla="*/ 1331969 h 1698937"/>
                    <a:gd name="connsiteX16" fmla="*/ 366969 w 1698904"/>
                    <a:gd name="connsiteY16" fmla="*/ 1698938 h 1698937"/>
                    <a:gd name="connsiteX17" fmla="*/ 1331936 w 1698904"/>
                    <a:gd name="connsiteY17" fmla="*/ 1698938 h 1698937"/>
                    <a:gd name="connsiteX18" fmla="*/ 1698905 w 1698904"/>
                    <a:gd name="connsiteY18" fmla="*/ 1331969 h 1698937"/>
                    <a:gd name="connsiteX19" fmla="*/ 1698905 w 1698904"/>
                    <a:gd name="connsiteY19" fmla="*/ 367002 h 1698937"/>
                    <a:gd name="connsiteX20" fmla="*/ 1331936 w 1698904"/>
                    <a:gd name="connsiteY20" fmla="*/ 33 h 16989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1698904" h="1698937">
                      <a:moveTo>
                        <a:pt x="1331936" y="0"/>
                      </a:moveTo>
                      <a:lnTo>
                        <a:pt x="366969" y="0"/>
                      </a:lnTo>
                      <a:cubicBezTo>
                        <a:pt x="364364" y="0"/>
                        <a:pt x="361792" y="33"/>
                        <a:pt x="359221" y="99"/>
                      </a:cubicBezTo>
                      <a:cubicBezTo>
                        <a:pt x="163009" y="4187"/>
                        <a:pt x="4154" y="163009"/>
                        <a:pt x="66" y="359254"/>
                      </a:cubicBezTo>
                      <a:lnTo>
                        <a:pt x="90572" y="359254"/>
                      </a:lnTo>
                      <a:cubicBezTo>
                        <a:pt x="94627" y="212928"/>
                        <a:pt x="212895" y="94660"/>
                        <a:pt x="359221" y="90605"/>
                      </a:cubicBezTo>
                      <a:cubicBezTo>
                        <a:pt x="361792" y="90539"/>
                        <a:pt x="364364" y="90506"/>
                        <a:pt x="366969" y="90506"/>
                      </a:cubicBezTo>
                      <a:lnTo>
                        <a:pt x="1331936" y="90506"/>
                      </a:lnTo>
                      <a:cubicBezTo>
                        <a:pt x="1484394" y="90506"/>
                        <a:pt x="1608432" y="214543"/>
                        <a:pt x="1608432" y="367002"/>
                      </a:cubicBezTo>
                      <a:lnTo>
                        <a:pt x="1608432" y="1331969"/>
                      </a:lnTo>
                      <a:cubicBezTo>
                        <a:pt x="1608432" y="1484427"/>
                        <a:pt x="1484394" y="1608465"/>
                        <a:pt x="1331936" y="1608465"/>
                      </a:cubicBezTo>
                      <a:lnTo>
                        <a:pt x="366969" y="1608465"/>
                      </a:lnTo>
                      <a:cubicBezTo>
                        <a:pt x="214511" y="1608465"/>
                        <a:pt x="90473" y="1484427"/>
                        <a:pt x="90473" y="1331969"/>
                      </a:cubicBezTo>
                      <a:lnTo>
                        <a:pt x="90473" y="549695"/>
                      </a:lnTo>
                      <a:lnTo>
                        <a:pt x="0" y="549695"/>
                      </a:lnTo>
                      <a:lnTo>
                        <a:pt x="0" y="1331969"/>
                      </a:lnTo>
                      <a:cubicBezTo>
                        <a:pt x="0" y="1534313"/>
                        <a:pt x="164625" y="1698938"/>
                        <a:pt x="366969" y="1698938"/>
                      </a:cubicBezTo>
                      <a:lnTo>
                        <a:pt x="1331936" y="1698938"/>
                      </a:lnTo>
                      <a:cubicBezTo>
                        <a:pt x="1534280" y="1698938"/>
                        <a:pt x="1698905" y="1534313"/>
                        <a:pt x="1698905" y="1331969"/>
                      </a:cubicBezTo>
                      <a:lnTo>
                        <a:pt x="1698905" y="367002"/>
                      </a:lnTo>
                      <a:cubicBezTo>
                        <a:pt x="1698905" y="164658"/>
                        <a:pt x="1534280" y="33"/>
                        <a:pt x="1331936" y="33"/>
                      </a:cubicBez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100" name="Freeform: Shape 99">
                  <a:extLst>
                    <a:ext uri="{FF2B5EF4-FFF2-40B4-BE49-F238E27FC236}">
                      <a16:creationId xmlns:a16="http://schemas.microsoft.com/office/drawing/2014/main" id="{0AA7CA0C-6841-DE3E-CA4F-FD7349450357}"/>
                    </a:ext>
                  </a:extLst>
                </p:cNvPr>
                <p:cNvSpPr/>
                <p:nvPr/>
              </p:nvSpPr>
              <p:spPr>
                <a:xfrm>
                  <a:off x="7536871" y="3400380"/>
                  <a:ext cx="1698904" cy="1698904"/>
                </a:xfrm>
                <a:custGeom>
                  <a:avLst/>
                  <a:gdLst>
                    <a:gd name="connsiteX0" fmla="*/ 1698905 w 1698904"/>
                    <a:gd name="connsiteY0" fmla="*/ 1149243 h 1698904"/>
                    <a:gd name="connsiteX1" fmla="*/ 1698905 w 1698904"/>
                    <a:gd name="connsiteY1" fmla="*/ 366969 h 1698904"/>
                    <a:gd name="connsiteX2" fmla="*/ 1331936 w 1698904"/>
                    <a:gd name="connsiteY2" fmla="*/ 0 h 1698904"/>
                    <a:gd name="connsiteX3" fmla="*/ 366969 w 1698904"/>
                    <a:gd name="connsiteY3" fmla="*/ 0 h 1698904"/>
                    <a:gd name="connsiteX4" fmla="*/ 0 w 1698904"/>
                    <a:gd name="connsiteY4" fmla="*/ 366969 h 1698904"/>
                    <a:gd name="connsiteX5" fmla="*/ 0 w 1698904"/>
                    <a:gd name="connsiteY5" fmla="*/ 1331936 h 1698904"/>
                    <a:gd name="connsiteX6" fmla="*/ 366969 w 1698904"/>
                    <a:gd name="connsiteY6" fmla="*/ 1698905 h 1698904"/>
                    <a:gd name="connsiteX7" fmla="*/ 1331936 w 1698904"/>
                    <a:gd name="connsiteY7" fmla="*/ 1698905 h 1698904"/>
                    <a:gd name="connsiteX8" fmla="*/ 1339684 w 1698904"/>
                    <a:gd name="connsiteY8" fmla="*/ 1698806 h 1698904"/>
                    <a:gd name="connsiteX9" fmla="*/ 1698839 w 1698904"/>
                    <a:gd name="connsiteY9" fmla="*/ 1339651 h 1698904"/>
                    <a:gd name="connsiteX10" fmla="*/ 1608333 w 1698904"/>
                    <a:gd name="connsiteY10" fmla="*/ 1339651 h 1698904"/>
                    <a:gd name="connsiteX11" fmla="*/ 1339684 w 1698904"/>
                    <a:gd name="connsiteY11" fmla="*/ 1608300 h 1698904"/>
                    <a:gd name="connsiteX12" fmla="*/ 1331936 w 1698904"/>
                    <a:gd name="connsiteY12" fmla="*/ 1608399 h 1698904"/>
                    <a:gd name="connsiteX13" fmla="*/ 366969 w 1698904"/>
                    <a:gd name="connsiteY13" fmla="*/ 1608399 h 1698904"/>
                    <a:gd name="connsiteX14" fmla="*/ 90473 w 1698904"/>
                    <a:gd name="connsiteY14" fmla="*/ 1331903 h 1698904"/>
                    <a:gd name="connsiteX15" fmla="*/ 90473 w 1698904"/>
                    <a:gd name="connsiteY15" fmla="*/ 366936 h 1698904"/>
                    <a:gd name="connsiteX16" fmla="*/ 366969 w 1698904"/>
                    <a:gd name="connsiteY16" fmla="*/ 90440 h 1698904"/>
                    <a:gd name="connsiteX17" fmla="*/ 1331936 w 1698904"/>
                    <a:gd name="connsiteY17" fmla="*/ 90440 h 1698904"/>
                    <a:gd name="connsiteX18" fmla="*/ 1608432 w 1698904"/>
                    <a:gd name="connsiteY18" fmla="*/ 366936 h 1698904"/>
                    <a:gd name="connsiteX19" fmla="*/ 1608432 w 1698904"/>
                    <a:gd name="connsiteY19" fmla="*/ 1149210 h 1698904"/>
                    <a:gd name="connsiteX20" fmla="*/ 1698905 w 1698904"/>
                    <a:gd name="connsiteY20" fmla="*/ 1149210 h 16989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1698904" h="1698904">
                      <a:moveTo>
                        <a:pt x="1698905" y="1149243"/>
                      </a:moveTo>
                      <a:lnTo>
                        <a:pt x="1698905" y="366969"/>
                      </a:lnTo>
                      <a:cubicBezTo>
                        <a:pt x="1698905" y="164625"/>
                        <a:pt x="1534280" y="0"/>
                        <a:pt x="1331936" y="0"/>
                      </a:cubicBezTo>
                      <a:lnTo>
                        <a:pt x="366969" y="0"/>
                      </a:lnTo>
                      <a:cubicBezTo>
                        <a:pt x="164625" y="0"/>
                        <a:pt x="0" y="164625"/>
                        <a:pt x="0" y="366969"/>
                      </a:cubicBezTo>
                      <a:lnTo>
                        <a:pt x="0" y="1331936"/>
                      </a:lnTo>
                      <a:cubicBezTo>
                        <a:pt x="0" y="1534280"/>
                        <a:pt x="164625" y="1698905"/>
                        <a:pt x="366969" y="1698905"/>
                      </a:cubicBezTo>
                      <a:lnTo>
                        <a:pt x="1331936" y="1698905"/>
                      </a:lnTo>
                      <a:cubicBezTo>
                        <a:pt x="1334541" y="1698905"/>
                        <a:pt x="1337112" y="1698872"/>
                        <a:pt x="1339684" y="1698806"/>
                      </a:cubicBezTo>
                      <a:cubicBezTo>
                        <a:pt x="1535896" y="1694717"/>
                        <a:pt x="1694750" y="1535896"/>
                        <a:pt x="1698839" y="1339651"/>
                      </a:cubicBezTo>
                      <a:lnTo>
                        <a:pt x="1608333" y="1339651"/>
                      </a:lnTo>
                      <a:cubicBezTo>
                        <a:pt x="1604278" y="1485977"/>
                        <a:pt x="1486010" y="1604245"/>
                        <a:pt x="1339684" y="1608300"/>
                      </a:cubicBezTo>
                      <a:cubicBezTo>
                        <a:pt x="1337112" y="1608366"/>
                        <a:pt x="1334541" y="1608399"/>
                        <a:pt x="1331936" y="1608399"/>
                      </a:cubicBezTo>
                      <a:lnTo>
                        <a:pt x="366969" y="1608399"/>
                      </a:lnTo>
                      <a:cubicBezTo>
                        <a:pt x="214510" y="1608399"/>
                        <a:pt x="90473" y="1484362"/>
                        <a:pt x="90473" y="1331903"/>
                      </a:cubicBezTo>
                      <a:lnTo>
                        <a:pt x="90473" y="366936"/>
                      </a:lnTo>
                      <a:cubicBezTo>
                        <a:pt x="90473" y="214478"/>
                        <a:pt x="214510" y="90440"/>
                        <a:pt x="366969" y="90440"/>
                      </a:cubicBezTo>
                      <a:lnTo>
                        <a:pt x="1331936" y="90440"/>
                      </a:lnTo>
                      <a:cubicBezTo>
                        <a:pt x="1484394" y="90440"/>
                        <a:pt x="1608432" y="214478"/>
                        <a:pt x="1608432" y="366936"/>
                      </a:cubicBezTo>
                      <a:lnTo>
                        <a:pt x="1608432" y="1149210"/>
                      </a:lnTo>
                      <a:lnTo>
                        <a:pt x="1698905" y="1149210"/>
                      </a:ln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101" name="Freeform: Shape 100">
                  <a:extLst>
                    <a:ext uri="{FF2B5EF4-FFF2-40B4-BE49-F238E27FC236}">
                      <a16:creationId xmlns:a16="http://schemas.microsoft.com/office/drawing/2014/main" id="{9D82EDF8-8D8A-6988-D099-56B2DD0957F1}"/>
                    </a:ext>
                  </a:extLst>
                </p:cNvPr>
                <p:cNvSpPr/>
                <p:nvPr/>
              </p:nvSpPr>
              <p:spPr>
                <a:xfrm>
                  <a:off x="9177549" y="4996382"/>
                  <a:ext cx="815970" cy="905321"/>
                </a:xfrm>
                <a:custGeom>
                  <a:avLst/>
                  <a:gdLst>
                    <a:gd name="connsiteX0" fmla="*/ 679008 w 815970"/>
                    <a:gd name="connsiteY0" fmla="*/ 905322 h 905321"/>
                    <a:gd name="connsiteX1" fmla="*/ 587315 w 815970"/>
                    <a:gd name="connsiteY1" fmla="*/ 647653 h 905321"/>
                    <a:gd name="connsiteX2" fmla="*/ 228654 w 815970"/>
                    <a:gd name="connsiteY2" fmla="*/ 647653 h 905321"/>
                    <a:gd name="connsiteX3" fmla="*/ 134654 w 815970"/>
                    <a:gd name="connsiteY3" fmla="*/ 905322 h 905321"/>
                    <a:gd name="connsiteX4" fmla="*/ 0 w 815970"/>
                    <a:gd name="connsiteY4" fmla="*/ 905322 h 905321"/>
                    <a:gd name="connsiteX5" fmla="*/ 323843 w 815970"/>
                    <a:gd name="connsiteY5" fmla="*/ 0 h 905321"/>
                    <a:gd name="connsiteX6" fmla="*/ 492127 w 815970"/>
                    <a:gd name="connsiteY6" fmla="*/ 0 h 905321"/>
                    <a:gd name="connsiteX7" fmla="*/ 815970 w 815970"/>
                    <a:gd name="connsiteY7" fmla="*/ 905322 h 905321"/>
                    <a:gd name="connsiteX8" fmla="*/ 679008 w 815970"/>
                    <a:gd name="connsiteY8" fmla="*/ 905322 h 905321"/>
                    <a:gd name="connsiteX9" fmla="*/ 550189 w 815970"/>
                    <a:gd name="connsiteY9" fmla="*/ 533902 h 905321"/>
                    <a:gd name="connsiteX10" fmla="*/ 409765 w 815970"/>
                    <a:gd name="connsiteY10" fmla="*/ 125356 h 905321"/>
                    <a:gd name="connsiteX11" fmla="*/ 406270 w 815970"/>
                    <a:gd name="connsiteY11" fmla="*/ 125356 h 905321"/>
                    <a:gd name="connsiteX12" fmla="*/ 265813 w 815970"/>
                    <a:gd name="connsiteY12" fmla="*/ 533902 h 905321"/>
                    <a:gd name="connsiteX13" fmla="*/ 550189 w 815970"/>
                    <a:gd name="connsiteY13" fmla="*/ 533902 h 90532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815970" h="905321">
                      <a:moveTo>
                        <a:pt x="679008" y="905322"/>
                      </a:moveTo>
                      <a:lnTo>
                        <a:pt x="587315" y="647653"/>
                      </a:lnTo>
                      <a:lnTo>
                        <a:pt x="228654" y="647653"/>
                      </a:lnTo>
                      <a:lnTo>
                        <a:pt x="134654" y="905322"/>
                      </a:lnTo>
                      <a:lnTo>
                        <a:pt x="0" y="905322"/>
                      </a:lnTo>
                      <a:lnTo>
                        <a:pt x="323843" y="0"/>
                      </a:lnTo>
                      <a:lnTo>
                        <a:pt x="492127" y="0"/>
                      </a:lnTo>
                      <a:lnTo>
                        <a:pt x="815970" y="905322"/>
                      </a:lnTo>
                      <a:lnTo>
                        <a:pt x="679008" y="905322"/>
                      </a:lnTo>
                      <a:close/>
                      <a:moveTo>
                        <a:pt x="550189" y="533902"/>
                      </a:moveTo>
                      <a:cubicBezTo>
                        <a:pt x="538583" y="495589"/>
                        <a:pt x="415568" y="161328"/>
                        <a:pt x="409765" y="125356"/>
                      </a:cubicBezTo>
                      <a:lnTo>
                        <a:pt x="406270" y="125356"/>
                      </a:lnTo>
                      <a:cubicBezTo>
                        <a:pt x="400468" y="161328"/>
                        <a:pt x="278606" y="494435"/>
                        <a:pt x="265813" y="533902"/>
                      </a:cubicBezTo>
                      <a:lnTo>
                        <a:pt x="550189" y="533902"/>
                      </a:lnTo>
                      <a:close/>
                    </a:path>
                  </a:pathLst>
                </a:custGeom>
                <a:grpFill/>
                <a:ln w="3295"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grpSp>
            <p:nvGrpSpPr>
              <p:cNvPr id="95" name="Graphic 30">
                <a:extLst>
                  <a:ext uri="{FF2B5EF4-FFF2-40B4-BE49-F238E27FC236}">
                    <a16:creationId xmlns:a16="http://schemas.microsoft.com/office/drawing/2014/main" id="{C05F44F6-A811-775E-1C32-5E48C391622F}"/>
                  </a:ext>
                </a:extLst>
              </p:cNvPr>
              <p:cNvGrpSpPr/>
              <p:nvPr/>
            </p:nvGrpSpPr>
            <p:grpSpPr>
              <a:xfrm>
                <a:off x="7875881" y="3632135"/>
                <a:ext cx="2220078" cy="2434556"/>
                <a:chOff x="7875881" y="3632135"/>
                <a:chExt cx="2220078" cy="2434556"/>
              </a:xfrm>
              <a:grpFill/>
            </p:grpSpPr>
            <p:sp>
              <p:nvSpPr>
                <p:cNvPr id="96" name="Freeform: Shape 95">
                  <a:extLst>
                    <a:ext uri="{FF2B5EF4-FFF2-40B4-BE49-F238E27FC236}">
                      <a16:creationId xmlns:a16="http://schemas.microsoft.com/office/drawing/2014/main" id="{5126BE87-4D75-6E3F-38EF-2C3E1698C629}"/>
                    </a:ext>
                  </a:extLst>
                </p:cNvPr>
                <p:cNvSpPr/>
                <p:nvPr/>
              </p:nvSpPr>
              <p:spPr>
                <a:xfrm>
                  <a:off x="7875881" y="5307036"/>
                  <a:ext cx="723387" cy="759655"/>
                </a:xfrm>
                <a:custGeom>
                  <a:avLst/>
                  <a:gdLst>
                    <a:gd name="connsiteX0" fmla="*/ 723387 w 723387"/>
                    <a:gd name="connsiteY0" fmla="*/ 580820 h 759655"/>
                    <a:gd name="connsiteX1" fmla="*/ 413623 w 723387"/>
                    <a:gd name="connsiteY1" fmla="*/ 401984 h 759655"/>
                    <a:gd name="connsiteX2" fmla="*/ 413623 w 723387"/>
                    <a:gd name="connsiteY2" fmla="*/ 530968 h 759655"/>
                    <a:gd name="connsiteX3" fmla="*/ 366969 w 723387"/>
                    <a:gd name="connsiteY3" fmla="*/ 530968 h 759655"/>
                    <a:gd name="connsiteX4" fmla="*/ 90473 w 723387"/>
                    <a:gd name="connsiteY4" fmla="*/ 254472 h 759655"/>
                    <a:gd name="connsiteX5" fmla="*/ 90473 w 723387"/>
                    <a:gd name="connsiteY5" fmla="*/ 0 h 759655"/>
                    <a:gd name="connsiteX6" fmla="*/ 0 w 723387"/>
                    <a:gd name="connsiteY6" fmla="*/ 0 h 759655"/>
                    <a:gd name="connsiteX7" fmla="*/ 0 w 723387"/>
                    <a:gd name="connsiteY7" fmla="*/ 254472 h 759655"/>
                    <a:gd name="connsiteX8" fmla="*/ 366969 w 723387"/>
                    <a:gd name="connsiteY8" fmla="*/ 621440 h 759655"/>
                    <a:gd name="connsiteX9" fmla="*/ 413623 w 723387"/>
                    <a:gd name="connsiteY9" fmla="*/ 621440 h 759655"/>
                    <a:gd name="connsiteX10" fmla="*/ 413623 w 723387"/>
                    <a:gd name="connsiteY10" fmla="*/ 759655 h 759655"/>
                    <a:gd name="connsiteX11" fmla="*/ 723387 w 723387"/>
                    <a:gd name="connsiteY11" fmla="*/ 580820 h 7596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723387" h="759655">
                      <a:moveTo>
                        <a:pt x="723387" y="580820"/>
                      </a:moveTo>
                      <a:lnTo>
                        <a:pt x="413623" y="401984"/>
                      </a:lnTo>
                      <a:lnTo>
                        <a:pt x="413623" y="530968"/>
                      </a:lnTo>
                      <a:lnTo>
                        <a:pt x="366969" y="530968"/>
                      </a:lnTo>
                      <a:cubicBezTo>
                        <a:pt x="214510" y="530968"/>
                        <a:pt x="90473" y="406930"/>
                        <a:pt x="90473" y="254472"/>
                      </a:cubicBezTo>
                      <a:lnTo>
                        <a:pt x="90473" y="0"/>
                      </a:lnTo>
                      <a:lnTo>
                        <a:pt x="0" y="0"/>
                      </a:lnTo>
                      <a:lnTo>
                        <a:pt x="0" y="254472"/>
                      </a:lnTo>
                      <a:cubicBezTo>
                        <a:pt x="0" y="456816"/>
                        <a:pt x="164625" y="621440"/>
                        <a:pt x="366969" y="621440"/>
                      </a:cubicBezTo>
                      <a:lnTo>
                        <a:pt x="413623" y="621440"/>
                      </a:lnTo>
                      <a:lnTo>
                        <a:pt x="413623" y="759655"/>
                      </a:lnTo>
                      <a:lnTo>
                        <a:pt x="723387" y="580820"/>
                      </a:lnTo>
                      <a:close/>
                    </a:path>
                  </a:pathLst>
                </a:custGeom>
                <a:grpFill/>
                <a:ln w="824"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sp>
              <p:nvSpPr>
                <p:cNvPr id="97" name="Freeform: Shape 96">
                  <a:extLst>
                    <a:ext uri="{FF2B5EF4-FFF2-40B4-BE49-F238E27FC236}">
                      <a16:creationId xmlns:a16="http://schemas.microsoft.com/office/drawing/2014/main" id="{6F371489-FC32-FB53-1E19-D8E41671A789}"/>
                    </a:ext>
                  </a:extLst>
                </p:cNvPr>
                <p:cNvSpPr/>
                <p:nvPr/>
              </p:nvSpPr>
              <p:spPr>
                <a:xfrm>
                  <a:off x="9372573" y="3632135"/>
                  <a:ext cx="723386" cy="759655"/>
                </a:xfrm>
                <a:custGeom>
                  <a:avLst/>
                  <a:gdLst>
                    <a:gd name="connsiteX0" fmla="*/ 356419 w 723386"/>
                    <a:gd name="connsiteY0" fmla="*/ 138215 h 759655"/>
                    <a:gd name="connsiteX1" fmla="*/ 309764 w 723386"/>
                    <a:gd name="connsiteY1" fmla="*/ 138215 h 759655"/>
                    <a:gd name="connsiteX2" fmla="*/ 309764 w 723386"/>
                    <a:gd name="connsiteY2" fmla="*/ 0 h 759655"/>
                    <a:gd name="connsiteX3" fmla="*/ 0 w 723386"/>
                    <a:gd name="connsiteY3" fmla="*/ 178836 h 759655"/>
                    <a:gd name="connsiteX4" fmla="*/ 309764 w 723386"/>
                    <a:gd name="connsiteY4" fmla="*/ 357671 h 759655"/>
                    <a:gd name="connsiteX5" fmla="*/ 309764 w 723386"/>
                    <a:gd name="connsiteY5" fmla="*/ 228688 h 759655"/>
                    <a:gd name="connsiteX6" fmla="*/ 356419 w 723386"/>
                    <a:gd name="connsiteY6" fmla="*/ 228688 h 759655"/>
                    <a:gd name="connsiteX7" fmla="*/ 632914 w 723386"/>
                    <a:gd name="connsiteY7" fmla="*/ 505184 h 759655"/>
                    <a:gd name="connsiteX8" fmla="*/ 632914 w 723386"/>
                    <a:gd name="connsiteY8" fmla="*/ 759655 h 759655"/>
                    <a:gd name="connsiteX9" fmla="*/ 723387 w 723386"/>
                    <a:gd name="connsiteY9" fmla="*/ 759655 h 759655"/>
                    <a:gd name="connsiteX10" fmla="*/ 723387 w 723386"/>
                    <a:gd name="connsiteY10" fmla="*/ 505184 h 759655"/>
                    <a:gd name="connsiteX11" fmla="*/ 356419 w 723386"/>
                    <a:gd name="connsiteY11" fmla="*/ 138215 h 7596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723386" h="759655">
                      <a:moveTo>
                        <a:pt x="356419" y="138215"/>
                      </a:moveTo>
                      <a:lnTo>
                        <a:pt x="309764" y="138215"/>
                      </a:lnTo>
                      <a:lnTo>
                        <a:pt x="309764" y="0"/>
                      </a:lnTo>
                      <a:lnTo>
                        <a:pt x="0" y="178836"/>
                      </a:lnTo>
                      <a:lnTo>
                        <a:pt x="309764" y="357671"/>
                      </a:lnTo>
                      <a:lnTo>
                        <a:pt x="309764" y="228688"/>
                      </a:lnTo>
                      <a:lnTo>
                        <a:pt x="356419" y="228688"/>
                      </a:lnTo>
                      <a:cubicBezTo>
                        <a:pt x="508877" y="228688"/>
                        <a:pt x="632914" y="352725"/>
                        <a:pt x="632914" y="505184"/>
                      </a:cubicBezTo>
                      <a:lnTo>
                        <a:pt x="632914" y="759655"/>
                      </a:lnTo>
                      <a:lnTo>
                        <a:pt x="723387" y="759655"/>
                      </a:lnTo>
                      <a:lnTo>
                        <a:pt x="723387" y="505184"/>
                      </a:lnTo>
                      <a:cubicBezTo>
                        <a:pt x="723387" y="302840"/>
                        <a:pt x="558762" y="138215"/>
                        <a:pt x="356419" y="138215"/>
                      </a:cubicBezTo>
                      <a:close/>
                    </a:path>
                  </a:pathLst>
                </a:custGeom>
                <a:grpFill/>
                <a:ln w="824" cap="flat">
                  <a:solidFill>
                    <a:schemeClr val="tx1"/>
                  </a:solidFill>
                  <a:prstDash val="solid"/>
                  <a:miter/>
                </a:ln>
              </p:spPr>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endParaRPr lang="en-IN" dirty="0">
                    <a:latin typeface="Roboto SemiBold" panose="02000000000000000000" pitchFamily="2" charset="0"/>
                  </a:endParaRPr>
                </a:p>
              </p:txBody>
            </p:sp>
          </p:grpSp>
        </p:grpSp>
      </p:grpSp>
      <p:pic>
        <p:nvPicPr>
          <p:cNvPr id="102" name="Picture 101">
            <a:extLst>
              <a:ext uri="{FF2B5EF4-FFF2-40B4-BE49-F238E27FC236}">
                <a16:creationId xmlns:a16="http://schemas.microsoft.com/office/drawing/2014/main" id="{DD2CDC67-AB5D-6737-BE00-B45317B7B17C}"/>
              </a:ext>
            </a:extLst>
          </p:cNvPr>
          <p:cNvPicPr>
            <a:picLocks noChangeAspect="1"/>
          </p:cNvPicPr>
          <p:nvPr/>
        </p:nvPicPr>
        <p:blipFill>
          <a:blip r:embed="rId4"/>
          <a:srcRect l="284" r="1319" b="2162"/>
          <a:stretch>
            <a:fillRect/>
          </a:stretch>
        </p:blipFill>
        <p:spPr>
          <a:xfrm>
            <a:off x="6509627" y="1688972"/>
            <a:ext cx="5024976" cy="2811364"/>
          </a:xfrm>
          <a:prstGeom prst="roundRect">
            <a:avLst>
              <a:gd name="adj" fmla="val 3801"/>
            </a:avLst>
          </a:prstGeom>
          <a:ln>
            <a:solidFill>
              <a:schemeClr val="bg1">
                <a:lumMod val="50000"/>
              </a:schemeClr>
            </a:solidFill>
            <a:prstDash val="sysDash"/>
          </a:ln>
          <a:effectLst/>
        </p:spPr>
      </p:pic>
      <p:sp>
        <p:nvSpPr>
          <p:cNvPr id="103" name="Rectangle: Top Corners Rounded 102">
            <a:hlinkClick r:id="rId5"/>
            <a:extLst>
              <a:ext uri="{FF2B5EF4-FFF2-40B4-BE49-F238E27FC236}">
                <a16:creationId xmlns:a16="http://schemas.microsoft.com/office/drawing/2014/main" id="{3DC5636D-49A7-6733-6A03-40AF1D595406}"/>
              </a:ext>
            </a:extLst>
          </p:cNvPr>
          <p:cNvSpPr/>
          <p:nvPr/>
        </p:nvSpPr>
        <p:spPr>
          <a:xfrm>
            <a:off x="6509627" y="4626734"/>
            <a:ext cx="1222490" cy="357469"/>
          </a:xfrm>
          <a:prstGeom prst="round2SameRect">
            <a:avLst>
              <a:gd name="adj1" fmla="val 29032"/>
              <a:gd name="adj2" fmla="val 25807"/>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fontAlgn="t">
              <a:spcBef>
                <a:spcPts val="600"/>
              </a:spcBef>
              <a:spcAft>
                <a:spcPts val="600"/>
              </a:spcAft>
            </a:pPr>
            <a:r>
              <a:rPr lang="en-US" sz="1200" u="sng" dirty="0">
                <a:solidFill>
                  <a:schemeClr val="bg1"/>
                </a:solidFill>
                <a:latin typeface="Roboto SemiBold" panose="02000000000000000000" pitchFamily="2" charset="0"/>
                <a:ea typeface="Roboto SemiBold" panose="02000000000000000000" pitchFamily="2" charset="0"/>
              </a:rPr>
              <a:t>View demo</a:t>
            </a:r>
          </a:p>
        </p:txBody>
      </p:sp>
    </p:spTree>
    <p:extLst>
      <p:ext uri="{BB962C8B-B14F-4D97-AF65-F5344CB8AC3E}">
        <p14:creationId xmlns:p14="http://schemas.microsoft.com/office/powerpoint/2010/main" val="3157831639"/>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FA1FAB2-6404-0ED4-8B75-6F121038E46F}"/>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8AFDD469-93B7-B7C4-03B9-29E1123C24F1}"/>
              </a:ext>
            </a:extLst>
          </p:cNvPr>
          <p:cNvSpPr>
            <a:spLocks noGrp="1"/>
          </p:cNvSpPr>
          <p:nvPr>
            <p:ph type="title"/>
          </p:nvPr>
        </p:nvSpPr>
        <p:spPr>
          <a:xfrm>
            <a:off x="2990521" y="2800842"/>
            <a:ext cx="6210958" cy="1080278"/>
          </a:xfrm>
        </p:spPr>
        <p:txBody>
          <a:bodyPr>
            <a:normAutofit/>
          </a:bodyPr>
          <a:lstStyle/>
          <a:p>
            <a:pPr>
              <a:lnSpc>
                <a:spcPct val="100000"/>
              </a:lnSpc>
            </a:pPr>
            <a:r>
              <a:rPr lang="en-US" sz="3200" dirty="0">
                <a:ea typeface="Roboto SemiBold" panose="02000000000000000000" pitchFamily="2" charset="0"/>
              </a:rPr>
              <a:t>AI Curriculum for Senior Leaders and Managers</a:t>
            </a:r>
            <a:endParaRPr lang="en-IN" sz="3200" dirty="0">
              <a:ea typeface="Roboto SemiBold" panose="02000000000000000000" pitchFamily="2" charset="0"/>
            </a:endParaRPr>
          </a:p>
        </p:txBody>
      </p:sp>
    </p:spTree>
    <p:extLst>
      <p:ext uri="{BB962C8B-B14F-4D97-AF65-F5344CB8AC3E}">
        <p14:creationId xmlns:p14="http://schemas.microsoft.com/office/powerpoint/2010/main" val="3045787960"/>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5A6BDA8-59EA-4EE2-A3E8-0590B80DD0A3}"/>
            </a:ext>
          </a:extLst>
        </p:cNvPr>
        <p:cNvGrpSpPr/>
        <p:nvPr/>
      </p:nvGrpSpPr>
      <p:grpSpPr>
        <a:xfrm>
          <a:off x="0" y="0"/>
          <a:ext cx="0" cy="0"/>
          <a:chOff x="0" y="0"/>
          <a:chExt cx="0" cy="0"/>
        </a:xfrm>
      </p:grpSpPr>
      <p:pic>
        <p:nvPicPr>
          <p:cNvPr id="7" name="Picture 6" descr="A picture containing text, toy&#10;&#10;Description automatically generated">
            <a:extLst>
              <a:ext uri="{FF2B5EF4-FFF2-40B4-BE49-F238E27FC236}">
                <a16:creationId xmlns:a16="http://schemas.microsoft.com/office/drawing/2014/main" id="{F2E733CC-8659-F911-75E5-4F9D4EB56EFF}"/>
              </a:ext>
            </a:extLst>
          </p:cNvPr>
          <p:cNvPicPr>
            <a:picLocks noChangeAspect="1"/>
          </p:cNvPicPr>
          <p:nvPr/>
        </p:nvPicPr>
        <p:blipFill rotWithShape="1">
          <a:blip r:embed="rId2">
            <a:extLst>
              <a:ext uri="{28A0092B-C50C-407E-A947-70E740481C1C}">
                <a14:useLocalDpi xmlns:a14="http://schemas.microsoft.com/office/drawing/2010/main" val="0"/>
              </a:ext>
            </a:extLst>
          </a:blip>
          <a:srcRect l="8979" t="9999" r="61531" b="-152"/>
          <a:stretch>
            <a:fillRect/>
          </a:stretch>
        </p:blipFill>
        <p:spPr>
          <a:xfrm>
            <a:off x="-1" y="0"/>
            <a:ext cx="3595361" cy="6869575"/>
          </a:xfrm>
          <a:prstGeom prst="rect">
            <a:avLst/>
          </a:prstGeom>
        </p:spPr>
      </p:pic>
      <p:sp>
        <p:nvSpPr>
          <p:cNvPr id="8" name="Rectangle 7">
            <a:extLst>
              <a:ext uri="{FF2B5EF4-FFF2-40B4-BE49-F238E27FC236}">
                <a16:creationId xmlns:a16="http://schemas.microsoft.com/office/drawing/2014/main" id="{A0F4476D-51E8-A0E4-4858-450E42DD767D}"/>
              </a:ext>
            </a:extLst>
          </p:cNvPr>
          <p:cNvSpPr/>
          <p:nvPr/>
        </p:nvSpPr>
        <p:spPr>
          <a:xfrm rot="10800000" flipH="1">
            <a:off x="-7911" y="0"/>
            <a:ext cx="3630933" cy="6858000"/>
          </a:xfrm>
          <a:prstGeom prst="rect">
            <a:avLst/>
          </a:prstGeom>
          <a:gradFill flip="none" rotWithShape="1">
            <a:gsLst>
              <a:gs pos="0">
                <a:srgbClr val="68058D">
                  <a:alpha val="49000"/>
                </a:srgbClr>
              </a:gs>
              <a:gs pos="50000">
                <a:srgbClr val="8202CA">
                  <a:alpha val="88000"/>
                </a:srgbClr>
              </a:gs>
              <a:gs pos="100000">
                <a:srgbClr val="5C00C5">
                  <a:alpha val="91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n-IN" dirty="0">
              <a:latin typeface="Roboto SemiBold" panose="02000000000000000000" pitchFamily="2" charset="0"/>
            </a:endParaRPr>
          </a:p>
        </p:txBody>
      </p:sp>
      <p:pic>
        <p:nvPicPr>
          <p:cNvPr id="23" name="Picture 22" descr="A screenshot of a computer&#10;&#10;AI-generated content may be incorrect.">
            <a:hlinkClick r:id="rId3"/>
            <a:extLst>
              <a:ext uri="{FF2B5EF4-FFF2-40B4-BE49-F238E27FC236}">
                <a16:creationId xmlns:a16="http://schemas.microsoft.com/office/drawing/2014/main" id="{FCA2FBB7-12D9-0096-12F0-34312D5EA09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55286" y="290236"/>
            <a:ext cx="2644836" cy="1702422"/>
          </a:xfrm>
          <a:prstGeom prst="roundRect">
            <a:avLst>
              <a:gd name="adj" fmla="val 4990"/>
            </a:avLst>
          </a:prstGeom>
          <a:ln>
            <a:solidFill>
              <a:schemeClr val="bg1"/>
            </a:solidFill>
          </a:ln>
          <a:effectLst>
            <a:outerShdw blurRad="50800" dist="38100" dir="2700000" algn="tl" rotWithShape="0">
              <a:prstClr val="black">
                <a:alpha val="40000"/>
              </a:prstClr>
            </a:outerShdw>
          </a:effectLst>
        </p:spPr>
      </p:pic>
      <p:pic>
        <p:nvPicPr>
          <p:cNvPr id="24" name="Picture 23" descr="A screenshot of a computer&#10;&#10;AI-generated content may be incorrect.">
            <a:hlinkClick r:id="rId3"/>
            <a:extLst>
              <a:ext uri="{FF2B5EF4-FFF2-40B4-BE49-F238E27FC236}">
                <a16:creationId xmlns:a16="http://schemas.microsoft.com/office/drawing/2014/main" id="{8EA7DC4A-074F-A104-1934-24A05EAD2F1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955286" y="3976434"/>
            <a:ext cx="2644836" cy="1702422"/>
          </a:xfrm>
          <a:prstGeom prst="roundRect">
            <a:avLst>
              <a:gd name="adj" fmla="val 4990"/>
            </a:avLst>
          </a:prstGeom>
          <a:ln>
            <a:solidFill>
              <a:schemeClr val="bg1"/>
            </a:solidFill>
          </a:ln>
          <a:effectLst>
            <a:outerShdw blurRad="50800" dist="38100" dir="2700000" algn="tl" rotWithShape="0">
              <a:prstClr val="black">
                <a:alpha val="40000"/>
              </a:prstClr>
            </a:outerShdw>
          </a:effectLst>
        </p:spPr>
      </p:pic>
      <p:pic>
        <p:nvPicPr>
          <p:cNvPr id="25" name="Picture 24" descr="A screenshot of a computer&#10;&#10;AI-generated content may be incorrect.">
            <a:hlinkClick r:id="rId3"/>
            <a:extLst>
              <a:ext uri="{FF2B5EF4-FFF2-40B4-BE49-F238E27FC236}">
                <a16:creationId xmlns:a16="http://schemas.microsoft.com/office/drawing/2014/main" id="{9F1CD8B3-31F1-222D-5D63-68422FBE6499}"/>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3955286" y="2134285"/>
            <a:ext cx="2644836" cy="1700522"/>
          </a:xfrm>
          <a:prstGeom prst="roundRect">
            <a:avLst>
              <a:gd name="adj" fmla="val 4990"/>
            </a:avLst>
          </a:prstGeom>
          <a:ln>
            <a:solidFill>
              <a:schemeClr val="bg1"/>
            </a:solidFill>
          </a:ln>
          <a:effectLst>
            <a:outerShdw blurRad="50800" dist="38100" dir="2700000" algn="tl" rotWithShape="0">
              <a:prstClr val="black">
                <a:alpha val="40000"/>
              </a:prstClr>
            </a:outerShdw>
          </a:effectLst>
        </p:spPr>
      </p:pic>
      <p:sp>
        <p:nvSpPr>
          <p:cNvPr id="36" name="Content Placeholder 2">
            <a:extLst>
              <a:ext uri="{FF2B5EF4-FFF2-40B4-BE49-F238E27FC236}">
                <a16:creationId xmlns:a16="http://schemas.microsoft.com/office/drawing/2014/main" id="{9FE3B403-AE1A-7848-DC10-33BA224470E9}"/>
              </a:ext>
            </a:extLst>
          </p:cNvPr>
          <p:cNvSpPr txBox="1">
            <a:spLocks/>
          </p:cNvSpPr>
          <p:nvPr/>
        </p:nvSpPr>
        <p:spPr>
          <a:xfrm>
            <a:off x="329721" y="1376826"/>
            <a:ext cx="2743653" cy="1375194"/>
          </a:xfrm>
          <a:prstGeom prst="rect">
            <a:avLst/>
          </a:prstGeom>
        </p:spPr>
        <p:txBody>
          <a:bodyPr vert="horz" lIns="91440" tIns="45720" rIns="91440" bIns="45720" rtlCol="0" anchor="t">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600" kern="1200">
                <a:solidFill>
                  <a:srgbClr val="585858"/>
                </a:solidFill>
                <a:latin typeface="Roboto Light" panose="02000000000000000000" pitchFamily="2" charset="0"/>
                <a:ea typeface="Roboto Light" panose="02000000000000000000" pitchFamily="2" charset="0"/>
                <a:cs typeface="Roboto Light" panose="02000000000000000000" pitchFamily="2" charset="0"/>
              </a:defRPr>
            </a:lvl1pPr>
            <a:lvl2pPr marL="685800" indent="-228600" algn="l" defTabSz="914400" rtl="0" eaLnBrk="1" latinLnBrk="0" hangingPunct="1">
              <a:lnSpc>
                <a:spcPct val="90000"/>
              </a:lnSpc>
              <a:spcBef>
                <a:spcPts val="500"/>
              </a:spcBef>
              <a:buFont typeface="Arial" panose="020B0604020202020204" pitchFamily="34" charset="0"/>
              <a:buChar char="•"/>
              <a:defRPr sz="1400" kern="1200">
                <a:solidFill>
                  <a:srgbClr val="585858"/>
                </a:solidFill>
                <a:latin typeface="Roboto Light" panose="02000000000000000000" pitchFamily="2" charset="0"/>
                <a:ea typeface="Roboto Light" panose="02000000000000000000" pitchFamily="2" charset="0"/>
                <a:cs typeface="Roboto Light" panose="02000000000000000000" pitchFamily="2" charset="0"/>
              </a:defRPr>
            </a:lvl2pPr>
            <a:lvl3pPr marL="1143000" indent="-228600" algn="l" defTabSz="914400" rtl="0" eaLnBrk="1" latinLnBrk="0" hangingPunct="1">
              <a:lnSpc>
                <a:spcPct val="90000"/>
              </a:lnSpc>
              <a:spcBef>
                <a:spcPts val="500"/>
              </a:spcBef>
              <a:buFont typeface="Arial" panose="020B0604020202020204" pitchFamily="34" charset="0"/>
              <a:buChar char="•"/>
              <a:defRPr sz="1200" kern="1200">
                <a:solidFill>
                  <a:srgbClr val="585858"/>
                </a:solidFill>
                <a:latin typeface="Roboto Light" panose="02000000000000000000" pitchFamily="2" charset="0"/>
                <a:ea typeface="Roboto Light" panose="02000000000000000000" pitchFamily="2" charset="0"/>
                <a:cs typeface="Roboto Light" panose="02000000000000000000" pitchFamily="2" charset="0"/>
              </a:defRPr>
            </a:lvl3pPr>
            <a:lvl4pPr marL="1600200" indent="-228600" algn="l" defTabSz="914400" rtl="0" eaLnBrk="1" latinLnBrk="0" hangingPunct="1">
              <a:lnSpc>
                <a:spcPct val="90000"/>
              </a:lnSpc>
              <a:spcBef>
                <a:spcPts val="500"/>
              </a:spcBef>
              <a:buFont typeface="Arial" panose="020B0604020202020204" pitchFamily="34" charset="0"/>
              <a:buChar char="•"/>
              <a:defRPr sz="1100" kern="1200">
                <a:solidFill>
                  <a:srgbClr val="585858"/>
                </a:solidFill>
                <a:latin typeface="Roboto Light" panose="02000000000000000000" pitchFamily="2" charset="0"/>
                <a:ea typeface="Roboto Light" panose="02000000000000000000" pitchFamily="2" charset="0"/>
                <a:cs typeface="Roboto Light" panose="02000000000000000000" pitchFamily="2" charset="0"/>
              </a:defRPr>
            </a:lvl4pPr>
            <a:lvl5pPr marL="2057400" indent="-228600" algn="l" defTabSz="914400" rtl="0" eaLnBrk="1" latinLnBrk="0" hangingPunct="1">
              <a:lnSpc>
                <a:spcPct val="90000"/>
              </a:lnSpc>
              <a:spcBef>
                <a:spcPts val="500"/>
              </a:spcBef>
              <a:buFont typeface="Arial" panose="020B0604020202020204" pitchFamily="34" charset="0"/>
              <a:buChar char="•"/>
              <a:defRPr sz="1100" kern="1200">
                <a:solidFill>
                  <a:srgbClr val="585858"/>
                </a:solidFill>
                <a:latin typeface="Roboto Light" panose="02000000000000000000" pitchFamily="2" charset="0"/>
                <a:ea typeface="Roboto Light" panose="02000000000000000000" pitchFamily="2" charset="0"/>
                <a:cs typeface="Roboto Light" panose="02000000000000000000" pitchFamily="2"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l" defTabSz="914400" rtl="0" eaLnBrk="1" fontAlgn="auto" latinLnBrk="0" hangingPunct="1">
              <a:lnSpc>
                <a:spcPct val="100000"/>
              </a:lnSpc>
              <a:spcBef>
                <a:spcPts val="300"/>
              </a:spcBef>
              <a:spcAft>
                <a:spcPts val="300"/>
              </a:spcAft>
              <a:buClrTx/>
              <a:buSzTx/>
              <a:buFont typeface="Arial" panose="020B0604020202020204" pitchFamily="34" charset="0"/>
              <a:buNone/>
              <a:tabLst/>
              <a:defRPr/>
            </a:pPr>
            <a:r>
              <a:rPr kumimoji="0" lang="en-US" sz="1200" i="0" u="none" strike="noStrike" kern="1200" cap="none" spc="0" normalizeH="0" baseline="0" noProof="0" dirty="0">
                <a:ln>
                  <a:noFill/>
                </a:ln>
                <a:solidFill>
                  <a:schemeClr val="bg1"/>
                </a:solidFill>
                <a:effectLst/>
                <a:uLnTx/>
                <a:uFillTx/>
                <a:latin typeface="Roboto SemiBold" panose="02000000000000000000" pitchFamily="2" charset="0"/>
                <a:ea typeface="Roboto SemiBold" panose="02000000000000000000" pitchFamily="2" charset="0"/>
                <a:cs typeface="Poppins SemiBold" panose="00000700000000000000" pitchFamily="2" charset="0"/>
              </a:rPr>
              <a:t>Offers an AI Strategy curriculum for senior leaders, designed to bridge knowledge gaps and guide effective AI adoption</a:t>
            </a:r>
          </a:p>
          <a:p>
            <a:pPr marL="0" marR="0" lvl="0" indent="0" algn="l" defTabSz="914400" rtl="0" eaLnBrk="1" fontAlgn="auto" latinLnBrk="0" hangingPunct="1">
              <a:lnSpc>
                <a:spcPct val="100000"/>
              </a:lnSpc>
              <a:spcBef>
                <a:spcPts val="300"/>
              </a:spcBef>
              <a:spcAft>
                <a:spcPts val="300"/>
              </a:spcAft>
              <a:buClrTx/>
              <a:buSzTx/>
              <a:buFont typeface="Arial" panose="020B0604020202020204" pitchFamily="34" charset="0"/>
              <a:buNone/>
              <a:tabLst/>
              <a:defRPr/>
            </a:pPr>
            <a:endParaRPr kumimoji="0" lang="en-US" sz="1200" i="0" u="none" strike="noStrike" kern="1200" cap="none" spc="0" normalizeH="0" baseline="0" noProof="0" dirty="0">
              <a:ln>
                <a:noFill/>
              </a:ln>
              <a:solidFill>
                <a:schemeClr val="bg1"/>
              </a:solidFill>
              <a:effectLst/>
              <a:uLnTx/>
              <a:uFillTx/>
              <a:latin typeface="Roboto SemiBold" panose="02000000000000000000" pitchFamily="2" charset="0"/>
              <a:ea typeface="Roboto SemiBold" panose="02000000000000000000" pitchFamily="2" charset="0"/>
              <a:cs typeface="Poppins SemiBold" panose="00000700000000000000" pitchFamily="2" charset="0"/>
            </a:endParaRPr>
          </a:p>
          <a:p>
            <a:pPr marL="0" marR="0" lvl="0" indent="0" algn="l" defTabSz="914400" rtl="0" eaLnBrk="1" fontAlgn="auto" latinLnBrk="0" hangingPunct="1">
              <a:lnSpc>
                <a:spcPct val="100000"/>
              </a:lnSpc>
              <a:spcBef>
                <a:spcPts val="300"/>
              </a:spcBef>
              <a:spcAft>
                <a:spcPts val="300"/>
              </a:spcAft>
              <a:buClrTx/>
              <a:buSzTx/>
              <a:buFont typeface="Arial" panose="020B0604020202020204" pitchFamily="34" charset="0"/>
              <a:buNone/>
              <a:tabLst/>
              <a:defRPr/>
            </a:pPr>
            <a:r>
              <a:rPr kumimoji="0" lang="en-US" sz="1200" i="0" u="none" strike="noStrike" kern="1200" cap="none" spc="0" normalizeH="0" baseline="0" noProof="0" dirty="0">
                <a:ln>
                  <a:noFill/>
                </a:ln>
                <a:solidFill>
                  <a:schemeClr val="bg1"/>
                </a:solidFill>
                <a:effectLst/>
                <a:uLnTx/>
                <a:uFillTx/>
                <a:latin typeface="Roboto SemiBold" panose="02000000000000000000" pitchFamily="2" charset="0"/>
                <a:ea typeface="Roboto SemiBold" panose="02000000000000000000" pitchFamily="2" charset="0"/>
                <a:cs typeface="Poppins SemiBold" panose="00000700000000000000" pitchFamily="2" charset="0"/>
              </a:rPr>
              <a:t>Curated by experts, the program includes:</a:t>
            </a:r>
          </a:p>
        </p:txBody>
      </p:sp>
      <p:pic>
        <p:nvPicPr>
          <p:cNvPr id="40" name="Picture 39">
            <a:extLst>
              <a:ext uri="{FF2B5EF4-FFF2-40B4-BE49-F238E27FC236}">
                <a16:creationId xmlns:a16="http://schemas.microsoft.com/office/drawing/2014/main" id="{36E2BCF2-C30D-A07A-F14D-DCD10A69FFED}"/>
              </a:ext>
            </a:extLst>
          </p:cNvPr>
          <p:cNvPicPr>
            <a:picLocks noChangeAspect="1"/>
          </p:cNvPicPr>
          <p:nvPr/>
        </p:nvPicPr>
        <p:blipFill>
          <a:blip r:embed="rId7"/>
          <a:srcRect t="-1" b="594"/>
          <a:stretch>
            <a:fillRect/>
          </a:stretch>
        </p:blipFill>
        <p:spPr>
          <a:xfrm>
            <a:off x="6960047" y="290235"/>
            <a:ext cx="4812563" cy="6054853"/>
          </a:xfrm>
          <a:prstGeom prst="roundRect">
            <a:avLst>
              <a:gd name="adj" fmla="val 1949"/>
            </a:avLst>
          </a:prstGeom>
          <a:ln>
            <a:solidFill>
              <a:schemeClr val="bg1"/>
            </a:solidFill>
          </a:ln>
          <a:effectLst>
            <a:outerShdw blurRad="50800" dist="38100" dir="2700000" algn="tl" rotWithShape="0">
              <a:prstClr val="black">
                <a:alpha val="40000"/>
              </a:prstClr>
            </a:outerShdw>
          </a:effectLst>
        </p:spPr>
      </p:pic>
      <p:sp>
        <p:nvSpPr>
          <p:cNvPr id="42" name="TextBox 41">
            <a:extLst>
              <a:ext uri="{FF2B5EF4-FFF2-40B4-BE49-F238E27FC236}">
                <a16:creationId xmlns:a16="http://schemas.microsoft.com/office/drawing/2014/main" id="{DFE46421-6722-79FE-3D2B-CBCC4308F353}"/>
              </a:ext>
            </a:extLst>
          </p:cNvPr>
          <p:cNvSpPr txBox="1"/>
          <p:nvPr/>
        </p:nvSpPr>
        <p:spPr>
          <a:xfrm>
            <a:off x="534458" y="3061055"/>
            <a:ext cx="2344365" cy="46166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solidFill>
                  <a:schemeClr val="bg1"/>
                </a:solidFill>
                <a:latin typeface="Roboto SemiBold" panose="02000000000000000000" pitchFamily="2" charset="0"/>
                <a:ea typeface="Roboto SemiBold" panose="02000000000000000000" pitchFamily="2" charset="0"/>
              </a:rPr>
              <a:t>Five focused modules covering key aspects of AI and strategy</a:t>
            </a:r>
          </a:p>
        </p:txBody>
      </p:sp>
      <p:sp>
        <p:nvSpPr>
          <p:cNvPr id="43" name="TextBox 42">
            <a:extLst>
              <a:ext uri="{FF2B5EF4-FFF2-40B4-BE49-F238E27FC236}">
                <a16:creationId xmlns:a16="http://schemas.microsoft.com/office/drawing/2014/main" id="{CEA9D18F-D45A-CB3C-AE92-92DA3FD56B01}"/>
              </a:ext>
            </a:extLst>
          </p:cNvPr>
          <p:cNvSpPr txBox="1"/>
          <p:nvPr/>
        </p:nvSpPr>
        <p:spPr>
          <a:xfrm>
            <a:off x="534458" y="3794859"/>
            <a:ext cx="2743653" cy="46166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solidFill>
                  <a:schemeClr val="bg1"/>
                </a:solidFill>
                <a:latin typeface="Roboto SemiBold" panose="02000000000000000000" pitchFamily="2" charset="0"/>
                <a:ea typeface="Roboto SemiBold" panose="02000000000000000000" pitchFamily="2" charset="0"/>
              </a:rPr>
              <a:t>Engaging video content presented with a book-inspired learning format</a:t>
            </a:r>
          </a:p>
        </p:txBody>
      </p:sp>
      <p:sp>
        <p:nvSpPr>
          <p:cNvPr id="44" name="TextBox 43">
            <a:extLst>
              <a:ext uri="{FF2B5EF4-FFF2-40B4-BE49-F238E27FC236}">
                <a16:creationId xmlns:a16="http://schemas.microsoft.com/office/drawing/2014/main" id="{045027BB-4DEB-2D35-8199-B4221E52F7B5}"/>
              </a:ext>
            </a:extLst>
          </p:cNvPr>
          <p:cNvSpPr txBox="1"/>
          <p:nvPr/>
        </p:nvSpPr>
        <p:spPr>
          <a:xfrm>
            <a:off x="534458" y="4509207"/>
            <a:ext cx="2344365" cy="46166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solidFill>
                  <a:schemeClr val="bg1"/>
                </a:solidFill>
                <a:latin typeface="Roboto SemiBold" panose="02000000000000000000" pitchFamily="2" charset="0"/>
                <a:ea typeface="Roboto SemiBold" panose="02000000000000000000" pitchFamily="2" charset="0"/>
              </a:rPr>
              <a:t>Scenario libraries in each module for hands-on practice</a:t>
            </a:r>
          </a:p>
        </p:txBody>
      </p:sp>
      <p:sp>
        <p:nvSpPr>
          <p:cNvPr id="45" name="TextBox 44">
            <a:extLst>
              <a:ext uri="{FF2B5EF4-FFF2-40B4-BE49-F238E27FC236}">
                <a16:creationId xmlns:a16="http://schemas.microsoft.com/office/drawing/2014/main" id="{7EB883AF-2ED7-E8C0-468F-D43748BDCC3F}"/>
              </a:ext>
            </a:extLst>
          </p:cNvPr>
          <p:cNvSpPr txBox="1"/>
          <p:nvPr/>
        </p:nvSpPr>
        <p:spPr>
          <a:xfrm>
            <a:off x="534458" y="5223554"/>
            <a:ext cx="2898841" cy="46166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solidFill>
                  <a:schemeClr val="bg1"/>
                </a:solidFill>
                <a:latin typeface="Roboto SemiBold" panose="02000000000000000000" pitchFamily="2" charset="0"/>
                <a:ea typeface="Roboto SemiBold" panose="02000000000000000000" pitchFamily="2" charset="0"/>
              </a:rPr>
              <a:t>Guidance on selecting and tailoring an AI strategy for organizational success</a:t>
            </a:r>
          </a:p>
        </p:txBody>
      </p:sp>
      <p:sp>
        <p:nvSpPr>
          <p:cNvPr id="46" name="Rectangle: Rounded Corners 45">
            <a:extLst>
              <a:ext uri="{FF2B5EF4-FFF2-40B4-BE49-F238E27FC236}">
                <a16:creationId xmlns:a16="http://schemas.microsoft.com/office/drawing/2014/main" id="{9B4654A4-5903-C0E0-40B8-0C4C6111F33F}"/>
              </a:ext>
            </a:extLst>
          </p:cNvPr>
          <p:cNvSpPr/>
          <p:nvPr/>
        </p:nvSpPr>
        <p:spPr>
          <a:xfrm>
            <a:off x="467463" y="3111361"/>
            <a:ext cx="40750" cy="331714"/>
          </a:xfrm>
          <a:prstGeom prst="roundRect">
            <a:avLst/>
          </a:prstGeom>
          <a:solidFill>
            <a:srgbClr val="5ADFF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47" name="Rectangle: Rounded Corners 46">
            <a:extLst>
              <a:ext uri="{FF2B5EF4-FFF2-40B4-BE49-F238E27FC236}">
                <a16:creationId xmlns:a16="http://schemas.microsoft.com/office/drawing/2014/main" id="{BE6B69CF-7697-0191-7E3D-551C663AAD78}"/>
              </a:ext>
            </a:extLst>
          </p:cNvPr>
          <p:cNvSpPr/>
          <p:nvPr/>
        </p:nvSpPr>
        <p:spPr>
          <a:xfrm>
            <a:off x="467462" y="3846863"/>
            <a:ext cx="40750" cy="331714"/>
          </a:xfrm>
          <a:prstGeom prst="roundRect">
            <a:avLst/>
          </a:prstGeom>
          <a:solidFill>
            <a:srgbClr val="5ADFF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48" name="Rectangle: Rounded Corners 47">
            <a:extLst>
              <a:ext uri="{FF2B5EF4-FFF2-40B4-BE49-F238E27FC236}">
                <a16:creationId xmlns:a16="http://schemas.microsoft.com/office/drawing/2014/main" id="{ECB166E8-5F27-9F82-AC1B-AF1133C23685}"/>
              </a:ext>
            </a:extLst>
          </p:cNvPr>
          <p:cNvSpPr/>
          <p:nvPr/>
        </p:nvSpPr>
        <p:spPr>
          <a:xfrm>
            <a:off x="467461" y="4562701"/>
            <a:ext cx="40750" cy="331714"/>
          </a:xfrm>
          <a:prstGeom prst="roundRect">
            <a:avLst/>
          </a:prstGeom>
          <a:solidFill>
            <a:srgbClr val="5ADFF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49" name="Rectangle: Rounded Corners 48">
            <a:extLst>
              <a:ext uri="{FF2B5EF4-FFF2-40B4-BE49-F238E27FC236}">
                <a16:creationId xmlns:a16="http://schemas.microsoft.com/office/drawing/2014/main" id="{49153463-7E1D-266E-AA9F-D82E5F35AD8E}"/>
              </a:ext>
            </a:extLst>
          </p:cNvPr>
          <p:cNvSpPr/>
          <p:nvPr/>
        </p:nvSpPr>
        <p:spPr>
          <a:xfrm>
            <a:off x="467460" y="5278540"/>
            <a:ext cx="40750" cy="331714"/>
          </a:xfrm>
          <a:prstGeom prst="roundRect">
            <a:avLst/>
          </a:prstGeom>
          <a:solidFill>
            <a:srgbClr val="5ADFF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6" name="Rectangle: Rounded Corners 5">
            <a:hlinkClick r:id="rId3"/>
            <a:extLst>
              <a:ext uri="{FF2B5EF4-FFF2-40B4-BE49-F238E27FC236}">
                <a16:creationId xmlns:a16="http://schemas.microsoft.com/office/drawing/2014/main" id="{F2A73E0D-3847-3969-9F72-66F657A3AF2A}"/>
              </a:ext>
            </a:extLst>
          </p:cNvPr>
          <p:cNvSpPr/>
          <p:nvPr/>
        </p:nvSpPr>
        <p:spPr>
          <a:xfrm>
            <a:off x="3982948" y="5924344"/>
            <a:ext cx="2617174" cy="399215"/>
          </a:xfrm>
          <a:prstGeom prst="roundRect">
            <a:avLst>
              <a:gd name="adj" fmla="val 36370"/>
            </a:avLst>
          </a:prstGeom>
          <a:solidFill>
            <a:srgbClr val="FFC000"/>
          </a:solidFill>
          <a:ln>
            <a:solidFill>
              <a:schemeClr val="bg1"/>
            </a:solidFill>
          </a:ln>
          <a:effectLst>
            <a:outerShdw blurRad="50800" dist="38100" dir="2700000" sx="96000" sy="96000" algn="tl" rotWithShape="0">
              <a:prstClr val="black">
                <a:alpha val="32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fontAlgn="t">
              <a:spcBef>
                <a:spcPts val="600"/>
              </a:spcBef>
              <a:spcAft>
                <a:spcPts val="600"/>
              </a:spcAft>
            </a:pPr>
            <a:r>
              <a:rPr lang="en-IN" sz="1100" dirty="0">
                <a:solidFill>
                  <a:schemeClr val="tx1"/>
                </a:solidFill>
                <a:latin typeface="Roboto SemiBold" panose="02000000000000000000" pitchFamily="2" charset="0"/>
                <a:ea typeface="Roboto SemiBold" panose="02000000000000000000" pitchFamily="2" charset="0"/>
              </a:rPr>
              <a:t>Video</a:t>
            </a:r>
          </a:p>
        </p:txBody>
      </p:sp>
      <p:sp>
        <p:nvSpPr>
          <p:cNvPr id="4" name="Title 3">
            <a:extLst>
              <a:ext uri="{FF2B5EF4-FFF2-40B4-BE49-F238E27FC236}">
                <a16:creationId xmlns:a16="http://schemas.microsoft.com/office/drawing/2014/main" id="{846F3053-A268-C7FC-77AA-764F31E594C4}"/>
              </a:ext>
            </a:extLst>
          </p:cNvPr>
          <p:cNvSpPr txBox="1">
            <a:spLocks/>
          </p:cNvSpPr>
          <p:nvPr/>
        </p:nvSpPr>
        <p:spPr>
          <a:xfrm>
            <a:off x="325714" y="332120"/>
            <a:ext cx="2874686" cy="834527"/>
          </a:xfrm>
          <a:prstGeom prst="rect">
            <a:avLst/>
          </a:prstGeom>
        </p:spPr>
        <p:txBody>
          <a:bodyPr vert="horz" lIns="91440" tIns="45720" rIns="91440" bIns="45720" rtlCol="0" anchor="b">
            <a:noAutofit/>
          </a:bodyPr>
          <a:lstStyle>
            <a:lvl1pPr algn="l" defTabSz="914400" rtl="0" eaLnBrk="1" latinLnBrk="0" hangingPunct="1">
              <a:lnSpc>
                <a:spcPct val="90000"/>
              </a:lnSpc>
              <a:spcBef>
                <a:spcPct val="0"/>
              </a:spcBef>
              <a:buNone/>
              <a:defRPr sz="2000" kern="1200">
                <a:solidFill>
                  <a:schemeClr val="tx1"/>
                </a:solidFill>
                <a:latin typeface="Roboto Light" panose="02000000000000000000" pitchFamily="2" charset="0"/>
                <a:ea typeface="Roboto Light" panose="02000000000000000000" pitchFamily="2" charset="0"/>
                <a:cs typeface="+mj-cs"/>
              </a:defRPr>
            </a:lvl1pPr>
          </a:lstStyle>
          <a:p>
            <a:r>
              <a:rPr lang="en-US" sz="2700" dirty="0">
                <a:solidFill>
                  <a:schemeClr val="bg1"/>
                </a:solidFill>
                <a:latin typeface="Roboto SemiBold" panose="02000000000000000000" pitchFamily="2" charset="0"/>
              </a:rPr>
              <a:t>Aptara AI University</a:t>
            </a:r>
          </a:p>
        </p:txBody>
      </p:sp>
    </p:spTree>
    <p:extLst>
      <p:ext uri="{BB962C8B-B14F-4D97-AF65-F5344CB8AC3E}">
        <p14:creationId xmlns:p14="http://schemas.microsoft.com/office/powerpoint/2010/main" val="2943954573"/>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AFBEC0A-21DF-859C-8B90-5573D2CABC7F}"/>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1095D3D8-39D7-E2C6-1FCC-4F7A4EBAA92F}"/>
              </a:ext>
            </a:extLst>
          </p:cNvPr>
          <p:cNvSpPr>
            <a:spLocks noGrp="1"/>
          </p:cNvSpPr>
          <p:nvPr>
            <p:ph type="title"/>
          </p:nvPr>
        </p:nvSpPr>
        <p:spPr>
          <a:xfrm>
            <a:off x="2917765" y="2882450"/>
            <a:ext cx="6356470" cy="713529"/>
          </a:xfrm>
        </p:spPr>
        <p:txBody>
          <a:bodyPr>
            <a:noAutofit/>
          </a:bodyPr>
          <a:lstStyle/>
          <a:p>
            <a:r>
              <a:rPr lang="en-US" sz="3200" dirty="0">
                <a:ea typeface="Roboto SemiBold" panose="02000000000000000000" pitchFamily="2" charset="0"/>
              </a:rPr>
              <a:t>Recommended AI Strategies and Tools for CGI </a:t>
            </a:r>
            <a:endParaRPr lang="en-IN" sz="3200" dirty="0">
              <a:ea typeface="Roboto SemiBold" panose="02000000000000000000" pitchFamily="2" charset="0"/>
            </a:endParaRPr>
          </a:p>
        </p:txBody>
      </p:sp>
    </p:spTree>
    <p:extLst>
      <p:ext uri="{BB962C8B-B14F-4D97-AF65-F5344CB8AC3E}">
        <p14:creationId xmlns:p14="http://schemas.microsoft.com/office/powerpoint/2010/main" val="2663479279"/>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F45BD9A-9CF9-D6B6-DF57-493C63FF8E87}"/>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32E2F023-F82C-5E0A-9A31-873C43E47D26}"/>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1478B198-8B10-CC63-B082-088163DC0909}"/>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BD92DE5E-3659-9F90-3E4E-7E0CC9F5A4B5}"/>
              </a:ext>
            </a:extLst>
          </p:cNvPr>
          <p:cNvSpPr>
            <a:spLocks noGrp="1"/>
          </p:cNvSpPr>
          <p:nvPr>
            <p:ph type="title"/>
          </p:nvPr>
        </p:nvSpPr>
        <p:spPr/>
        <p:txBody>
          <a:bodyPr>
            <a:normAutofit/>
          </a:bodyPr>
          <a:lstStyle/>
          <a:p>
            <a:r>
              <a:rPr lang="en-US" dirty="0">
                <a:solidFill>
                  <a:schemeClr val="bg1"/>
                </a:solidFill>
                <a:ea typeface="Roboto SemiBold" panose="02000000000000000000" pitchFamily="2" charset="0"/>
                <a:cs typeface="Roboto"/>
              </a:rPr>
              <a:t>Recommended AI Opportunities for CGI to Improve Efficiency</a:t>
            </a:r>
          </a:p>
        </p:txBody>
      </p:sp>
      <p:sp>
        <p:nvSpPr>
          <p:cNvPr id="3" name="TextBox 2">
            <a:extLst>
              <a:ext uri="{FF2B5EF4-FFF2-40B4-BE49-F238E27FC236}">
                <a16:creationId xmlns:a16="http://schemas.microsoft.com/office/drawing/2014/main" id="{BC184C22-296F-22A4-8813-77FB758CD47E}"/>
              </a:ext>
            </a:extLst>
          </p:cNvPr>
          <p:cNvSpPr txBox="1"/>
          <p:nvPr/>
        </p:nvSpPr>
        <p:spPr>
          <a:xfrm>
            <a:off x="446939" y="1615592"/>
            <a:ext cx="9149345" cy="523220"/>
          </a:xfrm>
          <a:prstGeom prst="rect">
            <a:avLst/>
          </a:prstGeom>
          <a:noFill/>
        </p:spPr>
        <p:txBody>
          <a:bodyPr wrap="square" rtlCol="0">
            <a:spAutoFit/>
          </a:bodyPr>
          <a:lstStyle/>
          <a:p>
            <a:r>
              <a:rPr lang="en-US" sz="1400" dirty="0">
                <a:latin typeface="Roboto SemiBold" panose="02000000000000000000" pitchFamily="2" charset="0"/>
                <a:ea typeface="Roboto SemiBold" panose="02000000000000000000" pitchFamily="2" charset="0"/>
                <a:cs typeface="Roboto" panose="02000000000000000000" pitchFamily="2" charset="0"/>
              </a:rPr>
              <a:t>Considering the modalities that we have developed for CGI – Below are the current traditional approaches followed with proposed recommendations to speed up production with good quality.</a:t>
            </a:r>
          </a:p>
        </p:txBody>
      </p:sp>
      <p:sp>
        <p:nvSpPr>
          <p:cNvPr id="7" name="TextBox 6">
            <a:extLst>
              <a:ext uri="{FF2B5EF4-FFF2-40B4-BE49-F238E27FC236}">
                <a16:creationId xmlns:a16="http://schemas.microsoft.com/office/drawing/2014/main" id="{F29A76BA-F7DF-7DE1-8A38-474D4D7C5158}"/>
              </a:ext>
            </a:extLst>
          </p:cNvPr>
          <p:cNvSpPr txBox="1"/>
          <p:nvPr/>
        </p:nvSpPr>
        <p:spPr>
          <a:xfrm>
            <a:off x="446939" y="2395217"/>
            <a:ext cx="6477101" cy="3477875"/>
          </a:xfrm>
          <a:prstGeom prst="rect">
            <a:avLst/>
          </a:prstGeom>
          <a:noFill/>
        </p:spPr>
        <p:txBody>
          <a:bodyPr wrap="square" rtlCol="0">
            <a:spAutoFit/>
          </a:bodyPr>
          <a:lstStyle/>
          <a:p>
            <a:pPr>
              <a:spcBef>
                <a:spcPts val="600"/>
              </a:spcBef>
            </a:pPr>
            <a:r>
              <a:rPr lang="en-US" sz="1200" dirty="0">
                <a:latin typeface="Roboto SemiBold" panose="02000000000000000000" pitchFamily="2" charset="0"/>
                <a:ea typeface="Roboto SemiBold" panose="02000000000000000000" pitchFamily="2" charset="0"/>
              </a:rPr>
              <a:t>In our previous CGI course project, we developed a podcast setup that combined illustrated visuals with audio content. While the outcome was engaging, the process required significant time and effort across ideation, illustration, animation, and post-production.</a:t>
            </a:r>
          </a:p>
          <a:p>
            <a:pPr>
              <a:spcBef>
                <a:spcPts val="600"/>
              </a:spcBef>
            </a:pPr>
            <a:r>
              <a:rPr lang="en-US" sz="1200" dirty="0">
                <a:latin typeface="Roboto SemiBold" panose="02000000000000000000" pitchFamily="2" charset="0"/>
                <a:ea typeface="Roboto SemiBold" panose="02000000000000000000" pitchFamily="2" charset="0"/>
              </a:rPr>
              <a:t>To streamline this workflow and enhance scalability, we propose integrating AI-powered video generation tools such as </a:t>
            </a:r>
            <a:r>
              <a:rPr lang="en-US" sz="1200" dirty="0" err="1">
                <a:latin typeface="Roboto SemiBold" panose="02000000000000000000" pitchFamily="2" charset="0"/>
                <a:ea typeface="Roboto SemiBold" panose="02000000000000000000" pitchFamily="2" charset="0"/>
              </a:rPr>
              <a:t>Synthesia</a:t>
            </a:r>
            <a:r>
              <a:rPr lang="en-US" sz="1200" dirty="0">
                <a:latin typeface="Roboto SemiBold" panose="02000000000000000000" pitchFamily="2" charset="0"/>
                <a:ea typeface="Roboto SemiBold" panose="02000000000000000000" pitchFamily="2" charset="0"/>
              </a:rPr>
              <a:t>, </a:t>
            </a:r>
            <a:r>
              <a:rPr lang="en-US" sz="1200" dirty="0" err="1">
                <a:latin typeface="Roboto SemiBold" panose="02000000000000000000" pitchFamily="2" charset="0"/>
                <a:ea typeface="Roboto SemiBold" panose="02000000000000000000" pitchFamily="2" charset="0"/>
              </a:rPr>
              <a:t>HeyGen</a:t>
            </a:r>
            <a:r>
              <a:rPr lang="en-US" sz="1200" dirty="0">
                <a:latin typeface="Roboto SemiBold" panose="02000000000000000000" pitchFamily="2" charset="0"/>
                <a:ea typeface="Roboto SemiBold" panose="02000000000000000000" pitchFamily="2" charset="0"/>
              </a:rPr>
              <a:t>, and </a:t>
            </a:r>
            <a:r>
              <a:rPr lang="en-US" sz="1200" dirty="0" err="1">
                <a:latin typeface="Roboto SemiBold" panose="02000000000000000000" pitchFamily="2" charset="0"/>
                <a:ea typeface="Roboto SemiBold" panose="02000000000000000000" pitchFamily="2" charset="0"/>
              </a:rPr>
              <a:t>Colossyan</a:t>
            </a:r>
            <a:r>
              <a:rPr lang="en-US" sz="1200" dirty="0">
                <a:latin typeface="Roboto SemiBold" panose="02000000000000000000" pitchFamily="2" charset="0"/>
                <a:ea typeface="Roboto SemiBold" panose="02000000000000000000" pitchFamily="2" charset="0"/>
              </a:rPr>
              <a:t>. These platforms enable the rapid creation of visually rich, avatar-driven interactive video podcasts with minimal manual intervention. </a:t>
            </a:r>
          </a:p>
          <a:p>
            <a:pPr>
              <a:spcBef>
                <a:spcPts val="600"/>
              </a:spcBef>
            </a:pPr>
            <a:r>
              <a:rPr lang="en-US" sz="1200" dirty="0">
                <a:latin typeface="Roboto SemiBold" panose="02000000000000000000" pitchFamily="2" charset="0"/>
                <a:ea typeface="Roboto SemiBold" panose="02000000000000000000" pitchFamily="2" charset="0"/>
              </a:rPr>
              <a:t>AI tools can transform text scripts into fully produced video podcasts by:</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Generating realistic or stylized AI avatars to act as hosts</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Converting scripts into natural-sounding voiceovers</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Automatically syncing lip movements with speech</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Providing customizable backgrounds, including illustrated or branded environments</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Supporting multilingual output for wider audience reach</a:t>
            </a:r>
          </a:p>
          <a:p>
            <a:pPr>
              <a:spcBef>
                <a:spcPts val="600"/>
              </a:spcBef>
            </a:pPr>
            <a:r>
              <a:rPr lang="en-US" sz="1200" b="1" dirty="0">
                <a:latin typeface="Roboto SemiBold" panose="02000000000000000000" pitchFamily="2" charset="0"/>
                <a:ea typeface="Roboto SemiBold" panose="02000000000000000000" pitchFamily="2" charset="0"/>
              </a:rPr>
              <a:t>This eliminates the need for manual illustration, rigging, and animation while still maintaining a visually compelling format.</a:t>
            </a:r>
            <a:endParaRPr lang="en-IN" sz="1200" b="1" dirty="0">
              <a:latin typeface="Roboto SemiBold" panose="02000000000000000000" pitchFamily="2" charset="0"/>
              <a:ea typeface="Roboto SemiBold" panose="02000000000000000000" pitchFamily="2" charset="0"/>
            </a:endParaRPr>
          </a:p>
        </p:txBody>
      </p:sp>
      <p:sp>
        <p:nvSpPr>
          <p:cNvPr id="10" name="TextBox 9">
            <a:extLst>
              <a:ext uri="{FF2B5EF4-FFF2-40B4-BE49-F238E27FC236}">
                <a16:creationId xmlns:a16="http://schemas.microsoft.com/office/drawing/2014/main" id="{CE693C5E-E65F-286C-CF39-C3C11AE14456}"/>
              </a:ext>
            </a:extLst>
          </p:cNvPr>
          <p:cNvSpPr txBox="1"/>
          <p:nvPr/>
        </p:nvSpPr>
        <p:spPr>
          <a:xfrm>
            <a:off x="7310120" y="5265265"/>
            <a:ext cx="1783080" cy="276999"/>
          </a:xfrm>
          <a:prstGeom prst="rect">
            <a:avLst/>
          </a:prstGeom>
          <a:noFill/>
        </p:spPr>
        <p:txBody>
          <a:bodyPr wrap="square" rtlCol="0">
            <a:spAutoFit/>
          </a:bodyPr>
          <a:lstStyle/>
          <a:p>
            <a:r>
              <a:rPr lang="en-IN" sz="1200" dirty="0">
                <a:latin typeface="Roboto SemiBold" panose="02000000000000000000" pitchFamily="2" charset="0"/>
                <a:ea typeface="Roboto SemiBold" panose="02000000000000000000" pitchFamily="2" charset="0"/>
              </a:rPr>
              <a:t>Recommended AI Tool</a:t>
            </a:r>
          </a:p>
        </p:txBody>
      </p:sp>
      <p:pic>
        <p:nvPicPr>
          <p:cNvPr id="11" name="Graphic 10">
            <a:extLst>
              <a:ext uri="{FF2B5EF4-FFF2-40B4-BE49-F238E27FC236}">
                <a16:creationId xmlns:a16="http://schemas.microsoft.com/office/drawing/2014/main" id="{BCEE5765-3EC1-93C4-4C34-4D23CAF448D2}"/>
              </a:ext>
            </a:extLst>
          </p:cNvPr>
          <p:cNvPicPr>
            <a:picLocks noChangeAspect="1"/>
          </p:cNvPicPr>
          <p:nvPr/>
        </p:nvPicPr>
        <p:blipFill>
          <a:blip>
            <a:extLst>
              <a:ext uri="{96DAC541-7B7A-43D3-8B79-37D633B846F1}">
                <asvg:svgBlip xmlns:asvg="http://schemas.microsoft.com/office/drawing/2016/SVG/main" r:embed="rId4"/>
              </a:ext>
            </a:extLst>
          </a:blip>
          <a:stretch>
            <a:fillRect/>
          </a:stretch>
        </p:blipFill>
        <p:spPr>
          <a:xfrm>
            <a:off x="8891245" y="5659628"/>
            <a:ext cx="1191310" cy="237794"/>
          </a:xfrm>
          <a:prstGeom prst="rect">
            <a:avLst/>
          </a:prstGeom>
        </p:spPr>
      </p:pic>
      <p:pic>
        <p:nvPicPr>
          <p:cNvPr id="12" name="Picture 11" descr="Synthesia Makes AI Video Production Effortless with Generative AI on ...">
            <a:extLst>
              <a:ext uri="{FF2B5EF4-FFF2-40B4-BE49-F238E27FC236}">
                <a16:creationId xmlns:a16="http://schemas.microsoft.com/office/drawing/2014/main" id="{396D36F2-20BC-C0E9-F75D-EC2607DF6771}"/>
              </a:ext>
            </a:extLst>
          </p:cNvPr>
          <p:cNvPicPr>
            <a:picLocks noChangeAspect="1"/>
          </p:cNvPicPr>
          <p:nvPr/>
        </p:nvPicPr>
        <p:blipFill>
          <a:blip r:embed="rId5"/>
          <a:stretch>
            <a:fillRect/>
          </a:stretch>
        </p:blipFill>
        <p:spPr>
          <a:xfrm>
            <a:off x="10311004" y="5659628"/>
            <a:ext cx="1191310" cy="191152"/>
          </a:xfrm>
          <a:prstGeom prst="rect">
            <a:avLst/>
          </a:prstGeom>
        </p:spPr>
      </p:pic>
      <p:pic>
        <p:nvPicPr>
          <p:cNvPr id="13" name="Picture 12" descr="Jobs at HeyGen">
            <a:extLst>
              <a:ext uri="{FF2B5EF4-FFF2-40B4-BE49-F238E27FC236}">
                <a16:creationId xmlns:a16="http://schemas.microsoft.com/office/drawing/2014/main" id="{EB4C32FD-38F1-F92B-5754-D8FE30401CA1}"/>
              </a:ext>
            </a:extLst>
          </p:cNvPr>
          <p:cNvPicPr>
            <a:picLocks noChangeAspect="1"/>
          </p:cNvPicPr>
          <p:nvPr/>
        </p:nvPicPr>
        <p:blipFill>
          <a:blip r:embed="rId6"/>
          <a:stretch>
            <a:fillRect/>
          </a:stretch>
        </p:blipFill>
        <p:spPr>
          <a:xfrm>
            <a:off x="7416415" y="5641321"/>
            <a:ext cx="1227172" cy="274409"/>
          </a:xfrm>
          <a:prstGeom prst="rect">
            <a:avLst/>
          </a:prstGeom>
        </p:spPr>
      </p:pic>
      <p:sp>
        <p:nvSpPr>
          <p:cNvPr id="15" name="Rectangle: Rounded Corners 14">
            <a:extLst>
              <a:ext uri="{FF2B5EF4-FFF2-40B4-BE49-F238E27FC236}">
                <a16:creationId xmlns:a16="http://schemas.microsoft.com/office/drawing/2014/main" id="{9F2EF59F-7DCE-0297-C019-BD9F499A420A}"/>
              </a:ext>
            </a:extLst>
          </p:cNvPr>
          <p:cNvSpPr/>
          <p:nvPr/>
        </p:nvSpPr>
        <p:spPr>
          <a:xfrm>
            <a:off x="7203440" y="5166208"/>
            <a:ext cx="4587240" cy="894080"/>
          </a:xfrm>
          <a:prstGeom prst="roundRect">
            <a:avLst>
              <a:gd name="adj" fmla="val 9944"/>
            </a:avLst>
          </a:prstGeom>
          <a:noFill/>
          <a:ln>
            <a:solidFill>
              <a:schemeClr val="bg1">
                <a:lumMod val="6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pic>
        <p:nvPicPr>
          <p:cNvPr id="26" name="Picture 25">
            <a:extLst>
              <a:ext uri="{FF2B5EF4-FFF2-40B4-BE49-F238E27FC236}">
                <a16:creationId xmlns:a16="http://schemas.microsoft.com/office/drawing/2014/main" id="{693155DC-97FA-C53A-BAE5-C15170953E4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7205872" y="2458719"/>
            <a:ext cx="3253848" cy="2112767"/>
          </a:xfrm>
          <a:prstGeom prst="roundRect">
            <a:avLst>
              <a:gd name="adj" fmla="val 19493"/>
            </a:avLst>
          </a:prstGeom>
        </p:spPr>
      </p:pic>
      <p:pic>
        <p:nvPicPr>
          <p:cNvPr id="20" name="Picture 19">
            <a:extLst>
              <a:ext uri="{FF2B5EF4-FFF2-40B4-BE49-F238E27FC236}">
                <a16:creationId xmlns:a16="http://schemas.microsoft.com/office/drawing/2014/main" id="{BB69A600-793F-CED1-939A-D1A6DA652441}"/>
              </a:ext>
            </a:extLst>
          </p:cNvPr>
          <p:cNvPicPr>
            <a:picLocks noChangeAspect="1"/>
          </p:cNvPicPr>
          <p:nvPr/>
        </p:nvPicPr>
        <p:blipFill>
          <a:blip r:embed="rId8"/>
          <a:stretch>
            <a:fillRect/>
          </a:stretch>
        </p:blipFill>
        <p:spPr>
          <a:xfrm>
            <a:off x="10311004" y="3292230"/>
            <a:ext cx="1479676" cy="1700522"/>
          </a:xfrm>
          <a:prstGeom prst="roundRect">
            <a:avLst/>
          </a:prstGeom>
          <a:ln>
            <a:solidFill>
              <a:schemeClr val="bg1">
                <a:lumMod val="65000"/>
              </a:schemeClr>
            </a:solidFill>
          </a:ln>
        </p:spPr>
      </p:pic>
    </p:spTree>
    <p:extLst>
      <p:ext uri="{BB962C8B-B14F-4D97-AF65-F5344CB8AC3E}">
        <p14:creationId xmlns:p14="http://schemas.microsoft.com/office/powerpoint/2010/main" val="77686611"/>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4847164-5948-58D0-8EC2-56997A5C9057}"/>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6AEBE1C1-0888-A675-F9C8-197EE00E2B21}"/>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3B15DB50-8997-ADD2-1B92-81179315782E}"/>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9675BC54-575D-5EA8-6C82-D2386C251875}"/>
              </a:ext>
            </a:extLst>
          </p:cNvPr>
          <p:cNvSpPr>
            <a:spLocks noGrp="1"/>
          </p:cNvSpPr>
          <p:nvPr>
            <p:ph type="title"/>
          </p:nvPr>
        </p:nvSpPr>
        <p:spPr/>
        <p:txBody>
          <a:bodyPr>
            <a:normAutofit/>
          </a:bodyPr>
          <a:lstStyle/>
          <a:p>
            <a:r>
              <a:rPr lang="en-US" dirty="0">
                <a:solidFill>
                  <a:schemeClr val="bg1"/>
                </a:solidFill>
                <a:ea typeface="Roboto SemiBold" panose="02000000000000000000" pitchFamily="2" charset="0"/>
                <a:cs typeface="Roboto"/>
              </a:rPr>
              <a:t>Recommended AI Opportunities for CGI to Improve Efficiency</a:t>
            </a:r>
          </a:p>
        </p:txBody>
      </p:sp>
      <p:sp>
        <p:nvSpPr>
          <p:cNvPr id="7" name="TextBox 6">
            <a:extLst>
              <a:ext uri="{FF2B5EF4-FFF2-40B4-BE49-F238E27FC236}">
                <a16:creationId xmlns:a16="http://schemas.microsoft.com/office/drawing/2014/main" id="{2C7657D7-2B83-1CEC-3E43-17334695DAA7}"/>
              </a:ext>
            </a:extLst>
          </p:cNvPr>
          <p:cNvSpPr txBox="1"/>
          <p:nvPr/>
        </p:nvSpPr>
        <p:spPr>
          <a:xfrm>
            <a:off x="446939" y="1821177"/>
            <a:ext cx="6477101" cy="3801041"/>
          </a:xfrm>
          <a:prstGeom prst="rect">
            <a:avLst/>
          </a:prstGeom>
          <a:noFill/>
        </p:spPr>
        <p:txBody>
          <a:bodyPr wrap="square" rtlCol="0">
            <a:spAutoFit/>
          </a:bodyPr>
          <a:lstStyle/>
          <a:p>
            <a:r>
              <a:rPr lang="en-US" sz="1200" dirty="0">
                <a:latin typeface="Roboto SemiBold" panose="02000000000000000000" pitchFamily="2" charset="0"/>
                <a:ea typeface="Roboto SemiBold" panose="02000000000000000000" pitchFamily="2" charset="0"/>
              </a:rPr>
              <a:t>To enhance learner engagement and provide continuous support, we propose integrating an AI-powered chatbot into the course platform. This chatbot will act as a virtual teaching assistant, enabling learners to ask questions at any time and receive instant, context-aware responses.</a:t>
            </a:r>
          </a:p>
          <a:p>
            <a:r>
              <a:rPr lang="en-US" sz="1200" dirty="0">
                <a:latin typeface="Roboto SemiBold" panose="02000000000000000000" pitchFamily="2" charset="0"/>
                <a:ea typeface="Roboto SemiBold" panose="02000000000000000000" pitchFamily="2" charset="0"/>
              </a:rPr>
              <a:t>Given that the course covers multiple topics related to ethics and security, the chatbot can be trained or configured to provide accurate, responsible, and policy-aligned guidance—helping learners better understand complex and sensitive concepts.</a:t>
            </a:r>
          </a:p>
          <a:p>
            <a:endParaRPr lang="en-US" sz="1200" dirty="0">
              <a:latin typeface="Roboto SemiBold" panose="02000000000000000000" pitchFamily="2" charset="0"/>
              <a:ea typeface="Roboto SemiBold" panose="02000000000000000000" pitchFamily="2" charset="0"/>
            </a:endParaRPr>
          </a:p>
          <a:p>
            <a:r>
              <a:rPr lang="en-US" sz="1200" dirty="0">
                <a:latin typeface="Roboto SemiBold" panose="02000000000000000000" pitchFamily="2" charset="0"/>
                <a:ea typeface="Roboto SemiBold" panose="02000000000000000000" pitchFamily="2" charset="0"/>
              </a:rPr>
              <a:t>Technologies such as ChatGPT or Google </a:t>
            </a:r>
            <a:r>
              <a:rPr lang="en-US" sz="1200" dirty="0" err="1">
                <a:latin typeface="Roboto SemiBold" panose="02000000000000000000" pitchFamily="2" charset="0"/>
                <a:ea typeface="Roboto SemiBold" panose="02000000000000000000" pitchFamily="2" charset="0"/>
              </a:rPr>
              <a:t>Dialogflow</a:t>
            </a:r>
            <a:r>
              <a:rPr lang="en-US" sz="1200" dirty="0">
                <a:latin typeface="Roboto SemiBold" panose="02000000000000000000" pitchFamily="2" charset="0"/>
                <a:ea typeface="Roboto SemiBold" panose="02000000000000000000" pitchFamily="2" charset="0"/>
              </a:rPr>
              <a:t> can be leveraged to build a responsive, scalable, and intelligent support system tailored to course content.</a:t>
            </a:r>
          </a:p>
          <a:p>
            <a:endParaRPr lang="en-US" sz="1200" dirty="0">
              <a:latin typeface="Roboto SemiBold" panose="02000000000000000000" pitchFamily="2" charset="0"/>
              <a:ea typeface="Roboto SemiBold" panose="02000000000000000000" pitchFamily="2" charset="0"/>
            </a:endParaRPr>
          </a:p>
          <a:p>
            <a:r>
              <a:rPr lang="en-US" sz="1200" b="1" dirty="0">
                <a:latin typeface="Roboto SemiBold" panose="02000000000000000000" pitchFamily="2" charset="0"/>
                <a:ea typeface="Roboto SemiBold" panose="02000000000000000000" pitchFamily="2" charset="0"/>
              </a:rPr>
              <a:t>How the Chatbot Will Function</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Answer learner questions in real time based on course materials</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Provide explanations, summaries, and examples for complex topics</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Guide users through modules, assignments, and key concepts</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Offer clarifications on ethics and security scenarios with safe, policy-aligned responses</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Be accessible 24/7 across devices, ensuring uninterrupted learning support</a:t>
            </a:r>
          </a:p>
          <a:p>
            <a:endParaRPr lang="en-US" sz="1200" dirty="0">
              <a:latin typeface="Roboto SemiBold" panose="02000000000000000000" pitchFamily="2" charset="0"/>
              <a:ea typeface="Roboto SemiBold" panose="02000000000000000000" pitchFamily="2" charset="0"/>
            </a:endParaRPr>
          </a:p>
        </p:txBody>
      </p:sp>
      <p:pic>
        <p:nvPicPr>
          <p:cNvPr id="4" name="Graphic 3">
            <a:extLst>
              <a:ext uri="{FF2B5EF4-FFF2-40B4-BE49-F238E27FC236}">
                <a16:creationId xmlns:a16="http://schemas.microsoft.com/office/drawing/2014/main" id="{1484F4C1-4A6A-8C2C-0149-48B9B36EEB1A}"/>
              </a:ext>
            </a:extLst>
          </p:cNvPr>
          <p:cNvPicPr>
            <a:picLocks noChangeAspect="1"/>
          </p:cNvPicPr>
          <p:nvPr/>
        </p:nvPicPr>
        <p:blipFill>
          <a:blip>
            <a:extLst>
              <a:ext uri="{96DAC541-7B7A-43D3-8B79-37D633B846F1}">
                <asvg:svgBlip xmlns:asvg="http://schemas.microsoft.com/office/drawing/2016/SVG/main" r:embed="rId4"/>
              </a:ext>
            </a:extLst>
          </a:blip>
          <a:stretch>
            <a:fillRect/>
          </a:stretch>
        </p:blipFill>
        <p:spPr>
          <a:xfrm>
            <a:off x="7142480" y="1912617"/>
            <a:ext cx="4378812" cy="3429000"/>
          </a:xfrm>
          <a:prstGeom prst="rect">
            <a:avLst/>
          </a:prstGeom>
        </p:spPr>
      </p:pic>
    </p:spTree>
    <p:extLst>
      <p:ext uri="{BB962C8B-B14F-4D97-AF65-F5344CB8AC3E}">
        <p14:creationId xmlns:p14="http://schemas.microsoft.com/office/powerpoint/2010/main" val="602661563"/>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B95BDDE-E9E4-EA2E-9104-E298C77987BD}"/>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DB0DA967-1C52-957E-3317-93A257B24431}"/>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BF8867DC-0D4A-E97C-9B90-45A654A53215}"/>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3EB987F4-5964-B742-C551-DCD319B4F07B}"/>
              </a:ext>
            </a:extLst>
          </p:cNvPr>
          <p:cNvSpPr>
            <a:spLocks noGrp="1"/>
          </p:cNvSpPr>
          <p:nvPr>
            <p:ph type="title"/>
          </p:nvPr>
        </p:nvSpPr>
        <p:spPr/>
        <p:txBody>
          <a:bodyPr>
            <a:normAutofit fontScale="90000"/>
          </a:bodyPr>
          <a:lstStyle/>
          <a:p>
            <a:r>
              <a:rPr lang="en-US" dirty="0">
                <a:solidFill>
                  <a:schemeClr val="bg1"/>
                </a:solidFill>
                <a:ea typeface="Roboto SemiBold" panose="02000000000000000000" pitchFamily="2" charset="0"/>
                <a:cs typeface="Roboto"/>
              </a:rPr>
              <a:t>Recommended Automation capabilities for CGI to Improve Efficiency</a:t>
            </a:r>
          </a:p>
        </p:txBody>
      </p:sp>
      <p:sp>
        <p:nvSpPr>
          <p:cNvPr id="7" name="TextBox 6">
            <a:extLst>
              <a:ext uri="{FF2B5EF4-FFF2-40B4-BE49-F238E27FC236}">
                <a16:creationId xmlns:a16="http://schemas.microsoft.com/office/drawing/2014/main" id="{AD2A4D5D-5A81-9109-0E80-CE0C85CFE9E4}"/>
              </a:ext>
            </a:extLst>
          </p:cNvPr>
          <p:cNvSpPr txBox="1"/>
          <p:nvPr/>
        </p:nvSpPr>
        <p:spPr>
          <a:xfrm>
            <a:off x="446939" y="1821177"/>
            <a:ext cx="5699861" cy="4170372"/>
          </a:xfrm>
          <a:prstGeom prst="rect">
            <a:avLst/>
          </a:prstGeom>
          <a:noFill/>
        </p:spPr>
        <p:txBody>
          <a:bodyPr wrap="square" rtlCol="0">
            <a:spAutoFit/>
          </a:bodyPr>
          <a:lstStyle/>
          <a:p>
            <a:r>
              <a:rPr lang="en-US" sz="1200" dirty="0">
                <a:latin typeface="Roboto SemiBold" panose="02000000000000000000" pitchFamily="2" charset="0"/>
                <a:ea typeface="Roboto SemiBold" panose="02000000000000000000" pitchFamily="2" charset="0"/>
              </a:rPr>
              <a:t>As part of our programming and automation capabilities, we can develop VBA-based solutions within Microsoft PowerPoint to streamline presentation management and enforce brand consistency at scale.</a:t>
            </a:r>
          </a:p>
          <a:p>
            <a:endParaRPr lang="en-US" sz="1200" dirty="0">
              <a:latin typeface="Roboto SemiBold" panose="02000000000000000000" pitchFamily="2" charset="0"/>
              <a:ea typeface="Roboto SemiBold" panose="02000000000000000000" pitchFamily="2" charset="0"/>
            </a:endParaRPr>
          </a:p>
          <a:p>
            <a:r>
              <a:rPr lang="en-US" sz="1200" dirty="0">
                <a:latin typeface="Roboto SemiBold" panose="02000000000000000000" pitchFamily="2" charset="0"/>
                <a:ea typeface="Roboto SemiBold" panose="02000000000000000000" pitchFamily="2" charset="0"/>
              </a:rPr>
              <a:t>Many organizations face challenges in maintaining uniform branding across multiple presentation decks, especially when updates to templates, fonts, or visual guidelines are required. These updates are often performed manually, leading to increased effort, inconsistencies, and longer turnaround times.</a:t>
            </a:r>
          </a:p>
          <a:p>
            <a:endParaRPr lang="en-US" sz="1200" dirty="0">
              <a:latin typeface="Roboto SemiBold" panose="02000000000000000000" pitchFamily="2" charset="0"/>
              <a:ea typeface="Roboto SemiBold" panose="02000000000000000000" pitchFamily="2" charset="0"/>
            </a:endParaRPr>
          </a:p>
          <a:p>
            <a:r>
              <a:rPr lang="en-US" sz="1200" dirty="0">
                <a:latin typeface="Roboto SemiBold" panose="02000000000000000000" pitchFamily="2" charset="0"/>
                <a:ea typeface="Roboto SemiBold" panose="02000000000000000000" pitchFamily="2" charset="0"/>
              </a:rPr>
              <a:t>Our capability in VBA automation enables us to address these challenges by building customized scripts that can standardize and update presentations efficiently. This can reduce the manual efforts by up to 50%, which may vary based on source presentation deck formats.</a:t>
            </a:r>
          </a:p>
          <a:p>
            <a:endParaRPr lang="en-US" sz="1200" dirty="0">
              <a:latin typeface="Roboto SemiBold" panose="02000000000000000000" pitchFamily="2" charset="0"/>
              <a:ea typeface="Roboto SemiBold" panose="02000000000000000000" pitchFamily="2" charset="0"/>
            </a:endParaRPr>
          </a:p>
          <a:p>
            <a:r>
              <a:rPr lang="en-US" sz="1200" b="1" dirty="0">
                <a:latin typeface="Roboto SemiBold" panose="02000000000000000000" pitchFamily="2" charset="0"/>
                <a:ea typeface="Roboto SemiBold" panose="02000000000000000000" pitchFamily="2" charset="0"/>
              </a:rPr>
              <a:t>What the Solution Can Do</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Automate updates to slide masters across multiple decks</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Apply the latest branding elements such as themes, colors, and logos</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Standardize fonts, layouts, and formatting consistently</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Enable batch processing of multiple presentations</a:t>
            </a:r>
          </a:p>
          <a:p>
            <a:pPr marL="171450" indent="-171450">
              <a:spcBef>
                <a:spcPts val="600"/>
              </a:spcBef>
              <a:buFont typeface="Arial" panose="020B0604020202020204" pitchFamily="34" charset="0"/>
              <a:buChar char="•"/>
            </a:pPr>
            <a:r>
              <a:rPr lang="en-US" sz="1200" dirty="0">
                <a:latin typeface="Roboto SemiBold" panose="02000000000000000000" pitchFamily="2" charset="0"/>
                <a:ea typeface="Roboto SemiBold" panose="02000000000000000000" pitchFamily="2" charset="0"/>
              </a:rPr>
              <a:t>Ensure alignment with evolving brand guideline</a:t>
            </a:r>
          </a:p>
        </p:txBody>
      </p:sp>
      <p:pic>
        <p:nvPicPr>
          <p:cNvPr id="3" name="Picture 2">
            <a:extLst>
              <a:ext uri="{FF2B5EF4-FFF2-40B4-BE49-F238E27FC236}">
                <a16:creationId xmlns:a16="http://schemas.microsoft.com/office/drawing/2014/main" id="{8DC07C5D-CBBC-2DAD-8661-50686CEC150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259625" y="1874520"/>
            <a:ext cx="5485436" cy="2464554"/>
          </a:xfrm>
          <a:prstGeom prst="roundRect">
            <a:avLst>
              <a:gd name="adj" fmla="val 4094"/>
            </a:avLst>
          </a:prstGeom>
        </p:spPr>
      </p:pic>
    </p:spTree>
    <p:extLst>
      <p:ext uri="{BB962C8B-B14F-4D97-AF65-F5344CB8AC3E}">
        <p14:creationId xmlns:p14="http://schemas.microsoft.com/office/powerpoint/2010/main" val="4051995191"/>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A picture containing text, toy&#10;&#10;Description automatically generated">
            <a:extLst>
              <a:ext uri="{FF2B5EF4-FFF2-40B4-BE49-F238E27FC236}">
                <a16:creationId xmlns:a16="http://schemas.microsoft.com/office/drawing/2014/main" id="{DF17CE80-974F-F678-6D1C-39DF18BA135E}"/>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3" name="Rectangle 2">
            <a:extLst>
              <a:ext uri="{FF2B5EF4-FFF2-40B4-BE49-F238E27FC236}">
                <a16:creationId xmlns:a16="http://schemas.microsoft.com/office/drawing/2014/main" id="{7C3C285C-EC9C-4E17-7212-F0D240CB2355}"/>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4" name="Title 15">
            <a:extLst>
              <a:ext uri="{FF2B5EF4-FFF2-40B4-BE49-F238E27FC236}">
                <a16:creationId xmlns:a16="http://schemas.microsoft.com/office/drawing/2014/main" id="{96BAE8DF-74E3-0524-D7C8-9353F7FDC533}"/>
              </a:ext>
            </a:extLst>
          </p:cNvPr>
          <p:cNvSpPr txBox="1">
            <a:spLocks/>
          </p:cNvSpPr>
          <p:nvPr/>
        </p:nvSpPr>
        <p:spPr>
          <a:xfrm>
            <a:off x="446939" y="161870"/>
            <a:ext cx="10140182" cy="1055947"/>
          </a:xfrm>
          <a:prstGeom prst="rect">
            <a:avLst/>
          </a:prstGeom>
        </p:spPr>
        <p:txBody>
          <a:bodyPr vert="horz" lIns="91440" tIns="45720" rIns="91440" bIns="45720" rtlCol="0" anchor="ctr">
            <a:noAutofit/>
          </a:bodyPr>
          <a:lstStyle>
            <a:lvl1pPr algn="l" defTabSz="914400" rtl="0" eaLnBrk="1" latinLnBrk="0" hangingPunct="1">
              <a:lnSpc>
                <a:spcPct val="90000"/>
              </a:lnSpc>
              <a:spcBef>
                <a:spcPct val="0"/>
              </a:spcBef>
              <a:buNone/>
              <a:defRPr lang="en-IN" sz="2700" b="0" kern="1200" dirty="0">
                <a:solidFill>
                  <a:srgbClr val="8D32C0"/>
                </a:solidFill>
                <a:latin typeface="Raleway" panose="020B0003030101060003" pitchFamily="34" charset="0"/>
                <a:ea typeface="+mj-ea"/>
                <a:cs typeface="+mj-cs"/>
              </a:defRPr>
            </a:lvl1pPr>
          </a:lstStyle>
          <a:p>
            <a:pPr>
              <a:lnSpc>
                <a:spcPct val="100000"/>
              </a:lnSpc>
            </a:pPr>
            <a:r>
              <a:rPr lang="en-US" dirty="0">
                <a:solidFill>
                  <a:schemeClr val="bg1"/>
                </a:solidFill>
                <a:latin typeface="Roboto SemiBold" panose="02000000000000000000" pitchFamily="2" charset="0"/>
                <a:ea typeface="Roboto SemiBold" panose="02000000000000000000" pitchFamily="2" charset="0"/>
              </a:rPr>
              <a:t>30–40% Effort Savings with AI-Based Tools and Platforms</a:t>
            </a:r>
          </a:p>
        </p:txBody>
      </p:sp>
      <p:graphicFrame>
        <p:nvGraphicFramePr>
          <p:cNvPr id="12" name="Chart 11">
            <a:extLst>
              <a:ext uri="{FF2B5EF4-FFF2-40B4-BE49-F238E27FC236}">
                <a16:creationId xmlns:a16="http://schemas.microsoft.com/office/drawing/2014/main" id="{524EF6F3-1AF9-2363-D7E8-E2FAC26B3F16}"/>
              </a:ext>
            </a:extLst>
          </p:cNvPr>
          <p:cNvGraphicFramePr>
            <a:graphicFrameLocks/>
          </p:cNvGraphicFramePr>
          <p:nvPr>
            <p:extLst>
              <p:ext uri="{D42A27DB-BD31-4B8C-83A1-F6EECF244321}">
                <p14:modId xmlns:p14="http://schemas.microsoft.com/office/powerpoint/2010/main" val="2348818923"/>
              </p:ext>
            </p:extLst>
          </p:nvPr>
        </p:nvGraphicFramePr>
        <p:xfrm>
          <a:off x="244577" y="1652058"/>
          <a:ext cx="5729568" cy="4377831"/>
        </p:xfrm>
        <a:graphic>
          <a:graphicData uri="http://schemas.openxmlformats.org/drawingml/2006/chart">
            <c:chart xmlns:c="http://schemas.openxmlformats.org/drawingml/2006/chart" xmlns:r="http://schemas.openxmlformats.org/officeDocument/2006/relationships" r:id="rId4"/>
          </a:graphicData>
        </a:graphic>
      </p:graphicFrame>
      <p:graphicFrame>
        <p:nvGraphicFramePr>
          <p:cNvPr id="21" name="Chart 20">
            <a:extLst>
              <a:ext uri="{FF2B5EF4-FFF2-40B4-BE49-F238E27FC236}">
                <a16:creationId xmlns:a16="http://schemas.microsoft.com/office/drawing/2014/main" id="{99035DBE-5D0D-C250-7832-B0BD4058D7AC}"/>
              </a:ext>
            </a:extLst>
          </p:cNvPr>
          <p:cNvGraphicFramePr>
            <a:graphicFrameLocks/>
          </p:cNvGraphicFramePr>
          <p:nvPr>
            <p:extLst>
              <p:ext uri="{D42A27DB-BD31-4B8C-83A1-F6EECF244321}">
                <p14:modId xmlns:p14="http://schemas.microsoft.com/office/powerpoint/2010/main" val="2442753602"/>
              </p:ext>
            </p:extLst>
          </p:nvPr>
        </p:nvGraphicFramePr>
        <p:xfrm>
          <a:off x="6177025" y="1652058"/>
          <a:ext cx="5729568" cy="4377831"/>
        </p:xfrm>
        <a:graphic>
          <a:graphicData uri="http://schemas.openxmlformats.org/drawingml/2006/chart">
            <c:chart xmlns:c="http://schemas.openxmlformats.org/drawingml/2006/chart" xmlns:r="http://schemas.openxmlformats.org/officeDocument/2006/relationships" r:id="rId5"/>
          </a:graphicData>
        </a:graphic>
      </p:graphicFrame>
    </p:spTree>
    <p:extLst>
      <p:ext uri="{BB962C8B-B14F-4D97-AF65-F5344CB8AC3E}">
        <p14:creationId xmlns:p14="http://schemas.microsoft.com/office/powerpoint/2010/main" val="2926681588"/>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DEEC36AA-889C-05D8-9DF6-AC0D0EE598C6}"/>
              </a:ext>
            </a:extLst>
          </p:cNvPr>
          <p:cNvPicPr>
            <a:picLocks noChangeAspect="1"/>
          </p:cNvPicPr>
          <p:nvPr/>
        </p:nvPicPr>
        <p:blipFill rotWithShape="1">
          <a:blip r:embed="rId2">
            <a:extLst>
              <a:ext uri="{28A0092B-C50C-407E-A947-70E740481C1C}">
                <a14:useLocalDpi xmlns:a14="http://schemas.microsoft.com/office/drawing/2010/main" val="0"/>
              </a:ext>
            </a:extLst>
          </a:blip>
          <a:srcRect l="4014" t="5969" r="1954" b="-1392"/>
          <a:stretch/>
        </p:blipFill>
        <p:spPr>
          <a:xfrm>
            <a:off x="0" y="0"/>
            <a:ext cx="12192000" cy="6959600"/>
          </a:xfrm>
          <a:prstGeom prst="rect">
            <a:avLst/>
          </a:prstGeom>
        </p:spPr>
      </p:pic>
      <p:sp>
        <p:nvSpPr>
          <p:cNvPr id="4" name="Title 3">
            <a:extLst>
              <a:ext uri="{FF2B5EF4-FFF2-40B4-BE49-F238E27FC236}">
                <a16:creationId xmlns:a16="http://schemas.microsoft.com/office/drawing/2014/main" id="{71B78E34-ECAA-27DC-089B-AC9FF8D6EA81}"/>
              </a:ext>
            </a:extLst>
          </p:cNvPr>
          <p:cNvSpPr txBox="1">
            <a:spLocks/>
          </p:cNvSpPr>
          <p:nvPr/>
        </p:nvSpPr>
        <p:spPr>
          <a:xfrm>
            <a:off x="6443285" y="3227890"/>
            <a:ext cx="2934395" cy="713529"/>
          </a:xfrm>
          <a:prstGeom prst="rect">
            <a:avLst/>
          </a:prstGeom>
        </p:spPr>
        <p:txBody>
          <a:bodyPr>
            <a:noAutofit/>
          </a:bodyPr>
          <a:lstStyle>
            <a:lvl1pPr algn="l" defTabSz="914400" rtl="0" eaLnBrk="1" latinLnBrk="0" hangingPunct="1">
              <a:lnSpc>
                <a:spcPct val="90000"/>
              </a:lnSpc>
              <a:spcBef>
                <a:spcPct val="0"/>
              </a:spcBef>
              <a:buNone/>
              <a:defRPr lang="en-IN" sz="2700" b="0" kern="1200" dirty="0">
                <a:solidFill>
                  <a:srgbClr val="8D32C0"/>
                </a:solidFill>
                <a:latin typeface="Raleway" panose="020B0003030101060003" pitchFamily="34" charset="0"/>
                <a:ea typeface="+mj-ea"/>
                <a:cs typeface="+mj-cs"/>
              </a:defRPr>
            </a:lvl1pPr>
          </a:lstStyle>
          <a:p>
            <a:pPr algn="ctr"/>
            <a:r>
              <a:rPr lang="en-US" sz="3200" dirty="0">
                <a:solidFill>
                  <a:schemeClr val="bg1"/>
                </a:solidFill>
                <a:latin typeface="Roboto SemiBold" panose="02000000000000000000" pitchFamily="2" charset="0"/>
                <a:ea typeface="Roboto SemiBold" panose="02000000000000000000" pitchFamily="2" charset="0"/>
              </a:rPr>
              <a:t>Thank you!</a:t>
            </a:r>
          </a:p>
        </p:txBody>
      </p:sp>
    </p:spTree>
    <p:extLst>
      <p:ext uri="{BB962C8B-B14F-4D97-AF65-F5344CB8AC3E}">
        <p14:creationId xmlns:p14="http://schemas.microsoft.com/office/powerpoint/2010/main" val="763376981"/>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996645E-A251-DFCF-40A9-3713BB84D81B}"/>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C5E25A1D-A7C6-A94D-F76C-2579D387DF83}"/>
              </a:ext>
            </a:extLst>
          </p:cNvPr>
          <p:cNvSpPr>
            <a:spLocks noGrp="1"/>
          </p:cNvSpPr>
          <p:nvPr>
            <p:ph type="title"/>
          </p:nvPr>
        </p:nvSpPr>
        <p:spPr/>
        <p:txBody>
          <a:bodyPr>
            <a:normAutofit/>
          </a:bodyPr>
          <a:lstStyle/>
          <a:p>
            <a:r>
              <a:rPr lang="en-US" sz="3200" dirty="0">
                <a:ea typeface="Roboto SemiBold" panose="02000000000000000000" pitchFamily="2" charset="0"/>
              </a:rPr>
              <a:t>AI for eLearning Creation</a:t>
            </a:r>
            <a:endParaRPr lang="en-IN" sz="3200" dirty="0">
              <a:ea typeface="Roboto SemiBold" panose="02000000000000000000" pitchFamily="2" charset="0"/>
            </a:endParaRPr>
          </a:p>
        </p:txBody>
      </p:sp>
    </p:spTree>
    <p:extLst>
      <p:ext uri="{BB962C8B-B14F-4D97-AF65-F5344CB8AC3E}">
        <p14:creationId xmlns:p14="http://schemas.microsoft.com/office/powerpoint/2010/main" val="68525421"/>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CB7B381A-64CE-5A1A-1DC8-1C31E191D245}"/>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63C67BDF-C71C-9872-57B0-496E4854A5C0}"/>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white"/>
              </a:solidFill>
              <a:effectLst/>
              <a:uLnTx/>
              <a:uFillTx/>
              <a:latin typeface="Roboto SemiBold" panose="02000000000000000000" pitchFamily="2" charset="0"/>
              <a:ea typeface="+mn-ea"/>
              <a:cs typeface="+mn-cs"/>
            </a:endParaRPr>
          </a:p>
        </p:txBody>
      </p:sp>
      <p:sp>
        <p:nvSpPr>
          <p:cNvPr id="16" name="Title 15">
            <a:extLst>
              <a:ext uri="{FF2B5EF4-FFF2-40B4-BE49-F238E27FC236}">
                <a16:creationId xmlns:a16="http://schemas.microsoft.com/office/drawing/2014/main" id="{FEE69D0C-1703-160C-1AA7-818C6BDB2509}"/>
              </a:ext>
            </a:extLst>
          </p:cNvPr>
          <p:cNvSpPr>
            <a:spLocks noGrp="1"/>
          </p:cNvSpPr>
          <p:nvPr>
            <p:ph type="title"/>
          </p:nvPr>
        </p:nvSpPr>
        <p:spPr/>
        <p:txBody>
          <a:bodyPr>
            <a:normAutofit/>
          </a:bodyPr>
          <a:lstStyle/>
          <a:p>
            <a:r>
              <a:rPr lang="en-IN" dirty="0">
                <a:solidFill>
                  <a:schemeClr val="bg1"/>
                </a:solidFill>
                <a:ea typeface="Roboto SemiBold" panose="02000000000000000000" pitchFamily="2" charset="0"/>
              </a:rPr>
              <a:t>Using </a:t>
            </a:r>
            <a:r>
              <a:rPr lang="en-IN" b="1" dirty="0">
                <a:solidFill>
                  <a:schemeClr val="bg1"/>
                </a:solidFill>
                <a:ea typeface="Roboto SemiBold" panose="02000000000000000000" pitchFamily="2" charset="0"/>
              </a:rPr>
              <a:t>Storyline </a:t>
            </a:r>
            <a:r>
              <a:rPr lang="en-IN" dirty="0">
                <a:solidFill>
                  <a:schemeClr val="bg1"/>
                </a:solidFill>
                <a:ea typeface="Roboto SemiBold" panose="02000000000000000000" pitchFamily="2" charset="0"/>
              </a:rPr>
              <a:t>for Automation</a:t>
            </a:r>
            <a:endParaRPr lang="en-IN" b="1" dirty="0">
              <a:solidFill>
                <a:schemeClr val="bg1"/>
              </a:solidFill>
              <a:ea typeface="Roboto SemiBold" panose="02000000000000000000" pitchFamily="2" charset="0"/>
            </a:endParaRPr>
          </a:p>
        </p:txBody>
      </p:sp>
      <p:pic>
        <p:nvPicPr>
          <p:cNvPr id="7" name="Picture 6" descr="Training - Yukon Learning">
            <a:extLst>
              <a:ext uri="{FF2B5EF4-FFF2-40B4-BE49-F238E27FC236}">
                <a16:creationId xmlns:a16="http://schemas.microsoft.com/office/drawing/2014/main" id="{4052E8E6-BDD3-B0A3-52FA-4DF3E391CF91}"/>
              </a:ext>
            </a:extLst>
          </p:cNvPr>
          <p:cNvPicPr>
            <a:picLocks noChangeAspect="1"/>
          </p:cNvPicPr>
          <p:nvPr/>
        </p:nvPicPr>
        <p:blipFill>
          <a:blip r:embed="rId4"/>
          <a:srcRect l="1141" t="1756" r="1755" b="1140"/>
          <a:stretch>
            <a:fillRect/>
          </a:stretch>
        </p:blipFill>
        <p:spPr>
          <a:xfrm>
            <a:off x="10970895" y="309353"/>
            <a:ext cx="728371" cy="728371"/>
          </a:xfrm>
          <a:prstGeom prst="ellipse">
            <a:avLst/>
          </a:prstGeom>
        </p:spPr>
      </p:pic>
      <p:sp>
        <p:nvSpPr>
          <p:cNvPr id="10" name="Freeform: Shape 9">
            <a:extLst>
              <a:ext uri="{FF2B5EF4-FFF2-40B4-BE49-F238E27FC236}">
                <a16:creationId xmlns:a16="http://schemas.microsoft.com/office/drawing/2014/main" id="{1BAF9A79-35C0-C6A1-7D9D-93A66A7035B6}"/>
              </a:ext>
            </a:extLst>
          </p:cNvPr>
          <p:cNvSpPr/>
          <p:nvPr/>
        </p:nvSpPr>
        <p:spPr>
          <a:xfrm>
            <a:off x="4886158" y="4786696"/>
            <a:ext cx="1964438" cy="1584563"/>
          </a:xfrm>
          <a:custGeom>
            <a:avLst/>
            <a:gdLst>
              <a:gd name="csX0" fmla="*/ 0 w 1964438"/>
              <a:gd name="csY0" fmla="*/ 1321187 h 1584563"/>
              <a:gd name="csX1" fmla="*/ 762507 w 1964438"/>
              <a:gd name="csY1" fmla="*/ 744 h 1584563"/>
              <a:gd name="csX2" fmla="*/ 1201835 w 1964438"/>
              <a:gd name="csY2" fmla="*/ 226 h 1584563"/>
              <a:gd name="csX3" fmla="*/ 1202190 w 1964438"/>
              <a:gd name="csY3" fmla="*/ 0 h 1584563"/>
              <a:gd name="csX4" fmla="*/ 1964180 w 1964438"/>
              <a:gd name="csY4" fmla="*/ 1320313 h 1584563"/>
              <a:gd name="csX5" fmla="*/ 1964438 w 1964438"/>
              <a:gd name="csY5" fmla="*/ 1320766 h 1584563"/>
              <a:gd name="csX6" fmla="*/ 0 w 1964438"/>
              <a:gd name="csY6" fmla="*/ 1321187 h 1584563"/>
            </a:gdLst>
            <a:ahLst/>
            <a:cxnLst>
              <a:cxn ang="0">
                <a:pos x="csX0" y="csY0"/>
              </a:cxn>
              <a:cxn ang="0">
                <a:pos x="csX1" y="csY1"/>
              </a:cxn>
              <a:cxn ang="0">
                <a:pos x="csX2" y="csY2"/>
              </a:cxn>
              <a:cxn ang="0">
                <a:pos x="csX3" y="csY3"/>
              </a:cxn>
              <a:cxn ang="0">
                <a:pos x="csX4" y="csY4"/>
              </a:cxn>
              <a:cxn ang="0">
                <a:pos x="csX5" y="csY5"/>
              </a:cxn>
              <a:cxn ang="0">
                <a:pos x="csX6" y="csY6"/>
              </a:cxn>
            </a:cxnLst>
            <a:rect l="l" t="t" r="r" b="b"/>
            <a:pathLst>
              <a:path w="1964438" h="1584563">
                <a:moveTo>
                  <a:pt x="0" y="1321187"/>
                </a:moveTo>
                <a:lnTo>
                  <a:pt x="762507" y="744"/>
                </a:lnTo>
                <a:cubicBezTo>
                  <a:pt x="903471" y="81240"/>
                  <a:pt x="1070285" y="75610"/>
                  <a:pt x="1201835" y="226"/>
                </a:cubicBezTo>
                <a:cubicBezTo>
                  <a:pt x="1201964" y="162"/>
                  <a:pt x="1202061" y="97"/>
                  <a:pt x="1202190" y="0"/>
                </a:cubicBezTo>
                <a:lnTo>
                  <a:pt x="1964180" y="1320313"/>
                </a:lnTo>
                <a:lnTo>
                  <a:pt x="1964438" y="1320766"/>
                </a:lnTo>
                <a:cubicBezTo>
                  <a:pt x="1376576" y="1659345"/>
                  <a:pt x="631313" y="1685260"/>
                  <a:pt x="0" y="1321187"/>
                </a:cubicBezTo>
                <a:close/>
              </a:path>
            </a:pathLst>
          </a:custGeom>
          <a:solidFill>
            <a:srgbClr val="8B79D9"/>
          </a:solidFill>
          <a:ln w="3235" cap="flat">
            <a:no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1" name="Freeform: Shape 10">
            <a:extLst>
              <a:ext uri="{FF2B5EF4-FFF2-40B4-BE49-F238E27FC236}">
                <a16:creationId xmlns:a16="http://schemas.microsoft.com/office/drawing/2014/main" id="{CA6942E3-4726-2926-1FA9-92B780114A91}"/>
              </a:ext>
            </a:extLst>
          </p:cNvPr>
          <p:cNvSpPr/>
          <p:nvPr/>
        </p:nvSpPr>
        <p:spPr>
          <a:xfrm>
            <a:off x="3902742" y="4404828"/>
            <a:ext cx="1745955" cy="1699010"/>
          </a:xfrm>
          <a:custGeom>
            <a:avLst/>
            <a:gdLst>
              <a:gd name="csX0" fmla="*/ 985746 w 1745955"/>
              <a:gd name="csY0" fmla="*/ 1699010 h 1699010"/>
              <a:gd name="csX1" fmla="*/ 984452 w 1745955"/>
              <a:gd name="csY1" fmla="*/ 1698266 h 1699010"/>
              <a:gd name="csX2" fmla="*/ 0 w 1745955"/>
              <a:gd name="csY2" fmla="*/ 2103 h 1699010"/>
              <a:gd name="csX3" fmla="*/ 0 w 1745955"/>
              <a:gd name="csY3" fmla="*/ 0 h 1699010"/>
              <a:gd name="csX4" fmla="*/ 1522975 w 1745955"/>
              <a:gd name="csY4" fmla="*/ 1941 h 1699010"/>
              <a:gd name="csX5" fmla="*/ 1522975 w 1745955"/>
              <a:gd name="csY5" fmla="*/ 2394 h 1699010"/>
              <a:gd name="csX6" fmla="*/ 1744014 w 1745955"/>
              <a:gd name="csY6" fmla="*/ 381512 h 1699010"/>
              <a:gd name="csX7" fmla="*/ 1745955 w 1745955"/>
              <a:gd name="csY7" fmla="*/ 382612 h 1699010"/>
              <a:gd name="csX8" fmla="*/ 985778 w 1745955"/>
              <a:gd name="csY8" fmla="*/ 1699010 h 1699010"/>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Lst>
            <a:rect l="l" t="t" r="r" b="b"/>
            <a:pathLst>
              <a:path w="1745955" h="1699010">
                <a:moveTo>
                  <a:pt x="985746" y="1699010"/>
                </a:moveTo>
                <a:cubicBezTo>
                  <a:pt x="985746" y="1699010"/>
                  <a:pt x="984807" y="1698460"/>
                  <a:pt x="984452" y="1698266"/>
                </a:cubicBezTo>
                <a:cubicBezTo>
                  <a:pt x="355791" y="1335228"/>
                  <a:pt x="2103" y="679261"/>
                  <a:pt x="0" y="2103"/>
                </a:cubicBezTo>
                <a:cubicBezTo>
                  <a:pt x="0" y="1391"/>
                  <a:pt x="0" y="679"/>
                  <a:pt x="0" y="0"/>
                </a:cubicBezTo>
                <a:lnTo>
                  <a:pt x="1522975" y="1941"/>
                </a:lnTo>
                <a:cubicBezTo>
                  <a:pt x="1522975" y="2103"/>
                  <a:pt x="1522975" y="2265"/>
                  <a:pt x="1522975" y="2394"/>
                </a:cubicBezTo>
                <a:cubicBezTo>
                  <a:pt x="1524366" y="153711"/>
                  <a:pt x="1603471" y="300370"/>
                  <a:pt x="1744014" y="381512"/>
                </a:cubicBezTo>
                <a:cubicBezTo>
                  <a:pt x="1744661" y="381900"/>
                  <a:pt x="1745308" y="382256"/>
                  <a:pt x="1745955" y="382612"/>
                </a:cubicBezTo>
                <a:lnTo>
                  <a:pt x="985778" y="1699010"/>
                </a:lnTo>
                <a:close/>
              </a:path>
            </a:pathLst>
          </a:custGeom>
          <a:solidFill>
            <a:srgbClr val="4B9CF9"/>
          </a:solidFill>
          <a:ln w="3235" cap="flat">
            <a:no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2" name="Freeform: Shape 11">
            <a:extLst>
              <a:ext uri="{FF2B5EF4-FFF2-40B4-BE49-F238E27FC236}">
                <a16:creationId xmlns:a16="http://schemas.microsoft.com/office/drawing/2014/main" id="{67922697-368D-1F56-85D7-2BC8CC6798E4}"/>
              </a:ext>
            </a:extLst>
          </p:cNvPr>
          <p:cNvSpPr/>
          <p:nvPr/>
        </p:nvSpPr>
        <p:spPr>
          <a:xfrm>
            <a:off x="1495061" y="2700383"/>
            <a:ext cx="1744758" cy="1705383"/>
          </a:xfrm>
          <a:custGeom>
            <a:avLst/>
            <a:gdLst>
              <a:gd name="csX0" fmla="*/ 32 w 1744758"/>
              <a:gd name="csY0" fmla="*/ 1705093 h 1705383"/>
              <a:gd name="csX1" fmla="*/ 263390 w 1744758"/>
              <a:gd name="csY1" fmla="*/ 719574 h 1705383"/>
              <a:gd name="csX2" fmla="*/ 983093 w 1744758"/>
              <a:gd name="csY2" fmla="*/ 0 h 1705383"/>
              <a:gd name="csX3" fmla="*/ 1744758 w 1744758"/>
              <a:gd name="csY3" fmla="*/ 1319051 h 1705383"/>
              <a:gd name="csX4" fmla="*/ 1583315 w 1744758"/>
              <a:gd name="csY4" fmla="*/ 1480689 h 1705383"/>
              <a:gd name="csX5" fmla="*/ 1524011 w 1744758"/>
              <a:gd name="csY5" fmla="*/ 1704931 h 1705383"/>
              <a:gd name="csX6" fmla="*/ 1524011 w 1744758"/>
              <a:gd name="csY6" fmla="*/ 1705384 h 1705383"/>
              <a:gd name="csX7" fmla="*/ 1068 w 1744758"/>
              <a:gd name="csY7" fmla="*/ 1705060 h 1705383"/>
              <a:gd name="csX8" fmla="*/ 0 w 1744758"/>
              <a:gd name="csY8" fmla="*/ 1705060 h 1705383"/>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Lst>
            <a:rect l="l" t="t" r="r" b="b"/>
            <a:pathLst>
              <a:path w="1744758" h="1705383">
                <a:moveTo>
                  <a:pt x="32" y="1705093"/>
                </a:moveTo>
                <a:cubicBezTo>
                  <a:pt x="-679" y="1370202"/>
                  <a:pt x="83893" y="1030458"/>
                  <a:pt x="263390" y="719574"/>
                </a:cubicBezTo>
                <a:cubicBezTo>
                  <a:pt x="442466" y="409466"/>
                  <a:pt x="693594" y="166750"/>
                  <a:pt x="983093" y="0"/>
                </a:cubicBezTo>
                <a:lnTo>
                  <a:pt x="1744758" y="1319051"/>
                </a:lnTo>
                <a:cubicBezTo>
                  <a:pt x="1679793" y="1356516"/>
                  <a:pt x="1623530" y="1411064"/>
                  <a:pt x="1583315" y="1480689"/>
                </a:cubicBezTo>
                <a:cubicBezTo>
                  <a:pt x="1542452" y="1551414"/>
                  <a:pt x="1523396" y="1628771"/>
                  <a:pt x="1524011" y="1704931"/>
                </a:cubicBezTo>
                <a:cubicBezTo>
                  <a:pt x="1524011" y="1705093"/>
                  <a:pt x="1524011" y="1705254"/>
                  <a:pt x="1524011" y="1705384"/>
                </a:cubicBezTo>
                <a:lnTo>
                  <a:pt x="1068" y="1705060"/>
                </a:lnTo>
                <a:lnTo>
                  <a:pt x="0" y="1705060"/>
                </a:lnTo>
                <a:close/>
              </a:path>
            </a:pathLst>
          </a:custGeom>
          <a:solidFill>
            <a:srgbClr val="A4CEFC"/>
          </a:solidFill>
          <a:ln w="3235" cap="flat">
            <a:no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3" name="Freeform: Shape 12">
            <a:extLst>
              <a:ext uri="{FF2B5EF4-FFF2-40B4-BE49-F238E27FC236}">
                <a16:creationId xmlns:a16="http://schemas.microsoft.com/office/drawing/2014/main" id="{912CEA75-78BD-C75E-E7E4-5C03C03DB621}"/>
              </a:ext>
            </a:extLst>
          </p:cNvPr>
          <p:cNvSpPr/>
          <p:nvPr/>
        </p:nvSpPr>
        <p:spPr>
          <a:xfrm>
            <a:off x="2478930" y="2435867"/>
            <a:ext cx="1967770" cy="1584634"/>
          </a:xfrm>
          <a:custGeom>
            <a:avLst/>
            <a:gdLst>
              <a:gd name="csX0" fmla="*/ 761115 w 1967770"/>
              <a:gd name="csY0" fmla="*/ 1583470 h 1584634"/>
              <a:gd name="csX1" fmla="*/ 0 w 1967770"/>
              <a:gd name="csY1" fmla="*/ 263837 h 1584634"/>
              <a:gd name="csX2" fmla="*/ 1966218 w 1967770"/>
              <a:gd name="csY2" fmla="*/ 263287 h 1584634"/>
              <a:gd name="csX3" fmla="*/ 1967771 w 1967770"/>
              <a:gd name="csY3" fmla="*/ 264193 h 1584634"/>
              <a:gd name="csX4" fmla="*/ 1205264 w 1967770"/>
              <a:gd name="csY4" fmla="*/ 1584635 h 1584634"/>
              <a:gd name="csX5" fmla="*/ 1203355 w 1967770"/>
              <a:gd name="csY5" fmla="*/ 1583502 h 1584634"/>
              <a:gd name="csX6" fmla="*/ 761180 w 1967770"/>
              <a:gd name="csY6" fmla="*/ 1583502 h 1584634"/>
            </a:gdLst>
            <a:ahLst/>
            <a:cxnLst>
              <a:cxn ang="0">
                <a:pos x="csX0" y="csY0"/>
              </a:cxn>
              <a:cxn ang="0">
                <a:pos x="csX1" y="csY1"/>
              </a:cxn>
              <a:cxn ang="0">
                <a:pos x="csX2" y="csY2"/>
              </a:cxn>
              <a:cxn ang="0">
                <a:pos x="csX3" y="csY3"/>
              </a:cxn>
              <a:cxn ang="0">
                <a:pos x="csX4" y="csY4"/>
              </a:cxn>
              <a:cxn ang="0">
                <a:pos x="csX5" y="csY5"/>
              </a:cxn>
              <a:cxn ang="0">
                <a:pos x="csX6" y="csY6"/>
              </a:cxn>
            </a:cxnLst>
            <a:rect l="l" t="t" r="r" b="b"/>
            <a:pathLst>
              <a:path w="1967770" h="1584634">
                <a:moveTo>
                  <a:pt x="761115" y="1583470"/>
                </a:moveTo>
                <a:lnTo>
                  <a:pt x="0" y="263837"/>
                </a:lnTo>
                <a:cubicBezTo>
                  <a:pt x="588186" y="-74937"/>
                  <a:pt x="1336166" y="-100528"/>
                  <a:pt x="1966218" y="263287"/>
                </a:cubicBezTo>
                <a:cubicBezTo>
                  <a:pt x="1966574" y="263481"/>
                  <a:pt x="1967771" y="264193"/>
                  <a:pt x="1967771" y="264193"/>
                </a:cubicBezTo>
                <a:lnTo>
                  <a:pt x="1205264" y="1584635"/>
                </a:lnTo>
                <a:cubicBezTo>
                  <a:pt x="1204617" y="1584246"/>
                  <a:pt x="1204002" y="1583858"/>
                  <a:pt x="1203355" y="1583502"/>
                </a:cubicBezTo>
                <a:cubicBezTo>
                  <a:pt x="1061647" y="1501648"/>
                  <a:pt x="893441" y="1507213"/>
                  <a:pt x="761180" y="1583502"/>
                </a:cubicBezTo>
                <a:close/>
              </a:path>
            </a:pathLst>
          </a:custGeom>
          <a:solidFill>
            <a:srgbClr val="B3BEFF"/>
          </a:solidFill>
          <a:ln w="3235" cap="flat">
            <a:no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4" name="Freeform: Shape 13">
            <a:extLst>
              <a:ext uri="{FF2B5EF4-FFF2-40B4-BE49-F238E27FC236}">
                <a16:creationId xmlns:a16="http://schemas.microsoft.com/office/drawing/2014/main" id="{031C70B8-32C8-145A-58FD-0C2A3C3AD322}"/>
              </a:ext>
            </a:extLst>
          </p:cNvPr>
          <p:cNvSpPr/>
          <p:nvPr/>
        </p:nvSpPr>
        <p:spPr>
          <a:xfrm>
            <a:off x="3684130" y="2701709"/>
            <a:ext cx="1743302" cy="1704186"/>
          </a:xfrm>
          <a:custGeom>
            <a:avLst/>
            <a:gdLst>
              <a:gd name="csX0" fmla="*/ 219098 w 1743302"/>
              <a:gd name="csY0" fmla="*/ 1703928 h 1704186"/>
              <a:gd name="csX1" fmla="*/ 219098 w 1743302"/>
              <a:gd name="csY1" fmla="*/ 1703604 h 1704186"/>
              <a:gd name="csX2" fmla="*/ 0 w 1743302"/>
              <a:gd name="csY2" fmla="*/ 1318760 h 1704186"/>
              <a:gd name="csX3" fmla="*/ 761536 w 1743302"/>
              <a:gd name="csY3" fmla="*/ 0 h 1704186"/>
              <a:gd name="csX4" fmla="*/ 1743302 w 1743302"/>
              <a:gd name="csY4" fmla="*/ 1704187 h 1704186"/>
              <a:gd name="csX5" fmla="*/ 1742526 w 1743302"/>
              <a:gd name="csY5" fmla="*/ 1704187 h 1704186"/>
              <a:gd name="csX6" fmla="*/ 219065 w 1743302"/>
              <a:gd name="csY6" fmla="*/ 1703928 h 1704186"/>
            </a:gdLst>
            <a:ahLst/>
            <a:cxnLst>
              <a:cxn ang="0">
                <a:pos x="csX0" y="csY0"/>
              </a:cxn>
              <a:cxn ang="0">
                <a:pos x="csX1" y="csY1"/>
              </a:cxn>
              <a:cxn ang="0">
                <a:pos x="csX2" y="csY2"/>
              </a:cxn>
              <a:cxn ang="0">
                <a:pos x="csX3" y="csY3"/>
              </a:cxn>
              <a:cxn ang="0">
                <a:pos x="csX4" y="csY4"/>
              </a:cxn>
              <a:cxn ang="0">
                <a:pos x="csX5" y="csY5"/>
              </a:cxn>
              <a:cxn ang="0">
                <a:pos x="csX6" y="csY6"/>
              </a:cxn>
            </a:cxnLst>
            <a:rect l="l" t="t" r="r" b="b"/>
            <a:pathLst>
              <a:path w="1743302" h="1704186">
                <a:moveTo>
                  <a:pt x="219098" y="1703928"/>
                </a:moveTo>
                <a:cubicBezTo>
                  <a:pt x="219098" y="1703928"/>
                  <a:pt x="219098" y="1703734"/>
                  <a:pt x="219098" y="1703604"/>
                </a:cubicBezTo>
                <a:cubicBezTo>
                  <a:pt x="220068" y="1550572"/>
                  <a:pt x="141450" y="1401358"/>
                  <a:pt x="0" y="1318760"/>
                </a:cubicBezTo>
                <a:lnTo>
                  <a:pt x="761536" y="0"/>
                </a:lnTo>
                <a:cubicBezTo>
                  <a:pt x="1392397" y="364785"/>
                  <a:pt x="1743561" y="1024958"/>
                  <a:pt x="1743302" y="1704187"/>
                </a:cubicBezTo>
                <a:lnTo>
                  <a:pt x="1742526" y="1704187"/>
                </a:lnTo>
                <a:cubicBezTo>
                  <a:pt x="1742526" y="1704187"/>
                  <a:pt x="219065" y="1703928"/>
                  <a:pt x="219065" y="1703928"/>
                </a:cubicBezTo>
                <a:close/>
              </a:path>
            </a:pathLst>
          </a:custGeom>
          <a:solidFill>
            <a:srgbClr val="77B6FB"/>
          </a:solidFill>
          <a:ln w="3235" cap="flat">
            <a:no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5" name="Freeform: Shape 14">
            <a:extLst>
              <a:ext uri="{FF2B5EF4-FFF2-40B4-BE49-F238E27FC236}">
                <a16:creationId xmlns:a16="http://schemas.microsoft.com/office/drawing/2014/main" id="{D1766EC6-C325-293E-36E9-C12F1A1F2572}"/>
              </a:ext>
            </a:extLst>
          </p:cNvPr>
          <p:cNvSpPr/>
          <p:nvPr/>
        </p:nvSpPr>
        <p:spPr>
          <a:xfrm>
            <a:off x="6087993" y="4406737"/>
            <a:ext cx="1745308" cy="1700433"/>
          </a:xfrm>
          <a:custGeom>
            <a:avLst/>
            <a:gdLst>
              <a:gd name="csX0" fmla="*/ 762086 w 1745308"/>
              <a:gd name="csY0" fmla="*/ 1700434 h 1700433"/>
              <a:gd name="csX1" fmla="*/ 0 w 1745308"/>
              <a:gd name="csY1" fmla="*/ 380186 h 1700433"/>
              <a:gd name="csX2" fmla="*/ 356 w 1745308"/>
              <a:gd name="csY2" fmla="*/ 379959 h 1700433"/>
              <a:gd name="csX3" fmla="*/ 162576 w 1745308"/>
              <a:gd name="csY3" fmla="*/ 217868 h 1700433"/>
              <a:gd name="csX4" fmla="*/ 221880 w 1745308"/>
              <a:gd name="csY4" fmla="*/ 324 h 1700433"/>
              <a:gd name="csX5" fmla="*/ 221880 w 1745308"/>
              <a:gd name="csY5" fmla="*/ 0 h 1700433"/>
              <a:gd name="csX6" fmla="*/ 1745308 w 1745308"/>
              <a:gd name="csY6" fmla="*/ 130 h 1700433"/>
              <a:gd name="csX7" fmla="*/ 1745308 w 1745308"/>
              <a:gd name="csY7" fmla="*/ 583 h 1700433"/>
              <a:gd name="csX8" fmla="*/ 1481563 w 1745308"/>
              <a:gd name="csY8" fmla="*/ 980634 h 1700433"/>
              <a:gd name="csX9" fmla="*/ 762377 w 1745308"/>
              <a:gd name="csY9" fmla="*/ 1700240 h 1700433"/>
              <a:gd name="csX10" fmla="*/ 762119 w 1745308"/>
              <a:gd name="csY10" fmla="*/ 1700402 h 1700433"/>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 ang="0">
                <a:pos x="csX9" y="csY9"/>
              </a:cxn>
              <a:cxn ang="0">
                <a:pos x="csX10" y="csY10"/>
              </a:cxn>
            </a:cxnLst>
            <a:rect l="l" t="t" r="r" b="b"/>
            <a:pathLst>
              <a:path w="1745308" h="1700433">
                <a:moveTo>
                  <a:pt x="762086" y="1700434"/>
                </a:moveTo>
                <a:lnTo>
                  <a:pt x="0" y="380186"/>
                </a:lnTo>
                <a:cubicBezTo>
                  <a:pt x="0" y="380186"/>
                  <a:pt x="227" y="380056"/>
                  <a:pt x="356" y="379959"/>
                </a:cubicBezTo>
                <a:cubicBezTo>
                  <a:pt x="65645" y="342462"/>
                  <a:pt x="122199" y="287784"/>
                  <a:pt x="162576" y="217868"/>
                </a:cubicBezTo>
                <a:cubicBezTo>
                  <a:pt x="202242" y="149214"/>
                  <a:pt x="221363" y="74348"/>
                  <a:pt x="221880" y="324"/>
                </a:cubicBezTo>
                <a:cubicBezTo>
                  <a:pt x="221880" y="226"/>
                  <a:pt x="221880" y="130"/>
                  <a:pt x="221880" y="0"/>
                </a:cubicBezTo>
                <a:lnTo>
                  <a:pt x="1745308" y="130"/>
                </a:lnTo>
                <a:cubicBezTo>
                  <a:pt x="1745308" y="130"/>
                  <a:pt x="1745308" y="421"/>
                  <a:pt x="1745308" y="583"/>
                </a:cubicBezTo>
                <a:cubicBezTo>
                  <a:pt x="1745114" y="333759"/>
                  <a:pt x="1660154" y="671367"/>
                  <a:pt x="1481563" y="980634"/>
                </a:cubicBezTo>
                <a:cubicBezTo>
                  <a:pt x="1302519" y="1290677"/>
                  <a:pt x="1051779" y="1533490"/>
                  <a:pt x="762377" y="1700240"/>
                </a:cubicBezTo>
                <a:cubicBezTo>
                  <a:pt x="762313" y="1700304"/>
                  <a:pt x="762215" y="1700337"/>
                  <a:pt x="762119" y="1700402"/>
                </a:cubicBezTo>
                <a:close/>
              </a:path>
            </a:pathLst>
          </a:custGeom>
          <a:solidFill>
            <a:srgbClr val="805EBF"/>
          </a:solidFill>
          <a:ln w="3235" cap="flat">
            <a:no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7" name="Freeform: Shape 16">
            <a:extLst>
              <a:ext uri="{FF2B5EF4-FFF2-40B4-BE49-F238E27FC236}">
                <a16:creationId xmlns:a16="http://schemas.microsoft.com/office/drawing/2014/main" id="{477B5A02-8C9F-5DFB-853E-23B49CD3D91B}"/>
              </a:ext>
            </a:extLst>
          </p:cNvPr>
          <p:cNvSpPr/>
          <p:nvPr/>
        </p:nvSpPr>
        <p:spPr>
          <a:xfrm>
            <a:off x="3908966" y="2541141"/>
            <a:ext cx="1788404" cy="1731070"/>
          </a:xfrm>
          <a:custGeom>
            <a:avLst/>
            <a:gdLst>
              <a:gd name="csX0" fmla="*/ 775015 w 1788404"/>
              <a:gd name="csY0" fmla="*/ 9833 h 1731070"/>
              <a:gd name="csX1" fmla="*/ 803130 w 1788404"/>
              <a:gd name="csY1" fmla="*/ 3395 h 1731070"/>
              <a:gd name="csX2" fmla="*/ 1484203 w 1788404"/>
              <a:gd name="csY2" fmla="*/ 726301 h 1731070"/>
              <a:gd name="csX3" fmla="*/ 1712490 w 1788404"/>
              <a:gd name="csY3" fmla="*/ 1263336 h 1731070"/>
              <a:gd name="csX4" fmla="*/ 1788358 w 1788404"/>
              <a:gd name="csY4" fmla="*/ 1709976 h 1731070"/>
              <a:gd name="csX5" fmla="*/ 1768688 w 1788404"/>
              <a:gd name="csY5" fmla="*/ 1731070 h 1731070"/>
              <a:gd name="csX6" fmla="*/ 223906 w 1788404"/>
              <a:gd name="csY6" fmla="*/ 1730941 h 1731070"/>
              <a:gd name="csX7" fmla="*/ 204688 w 1788404"/>
              <a:gd name="csY7" fmla="*/ 1715443 h 1731070"/>
              <a:gd name="csX8" fmla="*/ 6361 w 1788404"/>
              <a:gd name="csY8" fmla="*/ 1370620 h 1731070"/>
              <a:gd name="csX9" fmla="*/ 2640 w 1788404"/>
              <a:gd name="csY9" fmla="*/ 1346290 h 1731070"/>
              <a:gd name="csX10" fmla="*/ 775015 w 1788404"/>
              <a:gd name="csY10" fmla="*/ 9898 h 1731070"/>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 ang="0">
                <a:pos x="csX9" y="csY9"/>
              </a:cxn>
              <a:cxn ang="0">
                <a:pos x="csX10" y="csY10"/>
              </a:cxn>
            </a:cxnLst>
            <a:rect l="l" t="t" r="r" b="b"/>
            <a:pathLst>
              <a:path w="1788404" h="1731070">
                <a:moveTo>
                  <a:pt x="775015" y="9833"/>
                </a:moveTo>
                <a:cubicBezTo>
                  <a:pt x="780742" y="-67"/>
                  <a:pt x="793651" y="-3011"/>
                  <a:pt x="803130" y="3395"/>
                </a:cubicBezTo>
                <a:cubicBezTo>
                  <a:pt x="1079947" y="190204"/>
                  <a:pt x="1314800" y="439326"/>
                  <a:pt x="1484203" y="726301"/>
                </a:cubicBezTo>
                <a:cubicBezTo>
                  <a:pt x="1583625" y="894733"/>
                  <a:pt x="1660433" y="1075427"/>
                  <a:pt x="1712490" y="1263336"/>
                </a:cubicBezTo>
                <a:cubicBezTo>
                  <a:pt x="1752705" y="1408506"/>
                  <a:pt x="1778167" y="1558529"/>
                  <a:pt x="1788358" y="1709976"/>
                </a:cubicBezTo>
                <a:cubicBezTo>
                  <a:pt x="1789135" y="1721397"/>
                  <a:pt x="1780140" y="1731070"/>
                  <a:pt x="1768688" y="1731070"/>
                </a:cubicBezTo>
                <a:lnTo>
                  <a:pt x="223906" y="1730941"/>
                </a:lnTo>
                <a:cubicBezTo>
                  <a:pt x="214653" y="1730941"/>
                  <a:pt x="206694" y="1724470"/>
                  <a:pt x="204688" y="1715443"/>
                </a:cubicBezTo>
                <a:cubicBezTo>
                  <a:pt x="175311" y="1583344"/>
                  <a:pt x="106075" y="1462957"/>
                  <a:pt x="6361" y="1370620"/>
                </a:cubicBezTo>
                <a:cubicBezTo>
                  <a:pt x="-401" y="1364344"/>
                  <a:pt x="-1986" y="1354249"/>
                  <a:pt x="2640" y="1346290"/>
                </a:cubicBezTo>
                <a:lnTo>
                  <a:pt x="775015" y="9898"/>
                </a:lnTo>
                <a:close/>
              </a:path>
            </a:pathLst>
          </a:custGeom>
          <a:solidFill>
            <a:schemeClr val="bg1"/>
          </a:solidFill>
          <a:ln w="3235" cap="flat">
            <a:solidFill>
              <a:srgbClr val="A65AF9"/>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8" name="Freeform: Shape 17">
            <a:extLst>
              <a:ext uri="{FF2B5EF4-FFF2-40B4-BE49-F238E27FC236}">
                <a16:creationId xmlns:a16="http://schemas.microsoft.com/office/drawing/2014/main" id="{E720DE84-14DA-41AD-FA55-C1034A51401A}"/>
              </a:ext>
            </a:extLst>
          </p:cNvPr>
          <p:cNvSpPr/>
          <p:nvPr/>
        </p:nvSpPr>
        <p:spPr>
          <a:xfrm>
            <a:off x="2466775" y="2161498"/>
            <a:ext cx="1992762" cy="1603688"/>
          </a:xfrm>
          <a:custGeom>
            <a:avLst/>
            <a:gdLst>
              <a:gd name="csX0" fmla="*/ 2644 w 1992762"/>
              <a:gd name="csY0" fmla="*/ 256051 h 1603688"/>
              <a:gd name="csX1" fmla="*/ 11120 w 1992762"/>
              <a:gd name="csY1" fmla="*/ 228454 h 1603688"/>
              <a:gd name="csX2" fmla="*/ 977713 w 1992762"/>
              <a:gd name="csY2" fmla="*/ 103 h 1603688"/>
              <a:gd name="csX3" fmla="*/ 1556937 w 1992762"/>
              <a:gd name="csY3" fmla="*/ 70925 h 1603688"/>
              <a:gd name="csX4" fmla="*/ 1981674 w 1992762"/>
              <a:gd name="csY4" fmla="*/ 228551 h 1603688"/>
              <a:gd name="csX5" fmla="*/ 1990118 w 1992762"/>
              <a:gd name="csY5" fmla="*/ 256116 h 1603688"/>
              <a:gd name="csX6" fmla="*/ 1217614 w 1992762"/>
              <a:gd name="csY6" fmla="*/ 1593867 h 1603688"/>
              <a:gd name="csX7" fmla="*/ 1194578 w 1992762"/>
              <a:gd name="csY7" fmla="*/ 1602764 h 1603688"/>
              <a:gd name="csX8" fmla="*/ 796760 w 1992762"/>
              <a:gd name="csY8" fmla="*/ 1602117 h 1603688"/>
              <a:gd name="csX9" fmla="*/ 773821 w 1992762"/>
              <a:gd name="csY9" fmla="*/ 1593155 h 1603688"/>
              <a:gd name="csX10" fmla="*/ 2644 w 1992762"/>
              <a:gd name="csY10" fmla="*/ 256051 h 1603688"/>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 ang="0">
                <a:pos x="csX9" y="csY9"/>
              </a:cxn>
              <a:cxn ang="0">
                <a:pos x="csX10" y="csY10"/>
              </a:cxn>
            </a:cxnLst>
            <a:rect l="l" t="t" r="r" b="b"/>
            <a:pathLst>
              <a:path w="1992762" h="1603688">
                <a:moveTo>
                  <a:pt x="2644" y="256051"/>
                </a:moveTo>
                <a:cubicBezTo>
                  <a:pt x="-3083" y="246151"/>
                  <a:pt x="832" y="233468"/>
                  <a:pt x="11120" y="228454"/>
                </a:cubicBezTo>
                <a:cubicBezTo>
                  <a:pt x="311296" y="82151"/>
                  <a:pt x="644504" y="3306"/>
                  <a:pt x="977713" y="103"/>
                </a:cubicBezTo>
                <a:cubicBezTo>
                  <a:pt x="1173290" y="-1774"/>
                  <a:pt x="1368187" y="22038"/>
                  <a:pt x="1556937" y="70925"/>
                </a:cubicBezTo>
                <a:cubicBezTo>
                  <a:pt x="1702754" y="108681"/>
                  <a:pt x="1845433" y="161644"/>
                  <a:pt x="1981674" y="228551"/>
                </a:cubicBezTo>
                <a:cubicBezTo>
                  <a:pt x="1991930" y="233598"/>
                  <a:pt x="1995844" y="246216"/>
                  <a:pt x="1990118" y="256116"/>
                </a:cubicBezTo>
                <a:lnTo>
                  <a:pt x="1217614" y="1593867"/>
                </a:lnTo>
                <a:cubicBezTo>
                  <a:pt x="1212987" y="1601891"/>
                  <a:pt x="1203411" y="1605547"/>
                  <a:pt x="1194578" y="1602764"/>
                </a:cubicBezTo>
                <a:cubicBezTo>
                  <a:pt x="1065488" y="1562161"/>
                  <a:pt x="926594" y="1561934"/>
                  <a:pt x="796760" y="1602117"/>
                </a:cubicBezTo>
                <a:cubicBezTo>
                  <a:pt x="787960" y="1604835"/>
                  <a:pt x="778416" y="1601147"/>
                  <a:pt x="773821" y="1593155"/>
                </a:cubicBezTo>
                <a:lnTo>
                  <a:pt x="2644" y="256051"/>
                </a:lnTo>
                <a:close/>
              </a:path>
            </a:pathLst>
          </a:custGeom>
          <a:solidFill>
            <a:schemeClr val="bg1"/>
          </a:solidFill>
          <a:ln w="3235" cap="flat">
            <a:solidFill>
              <a:srgbClr val="A65AF9"/>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9" name="Freeform: Shape 18">
            <a:extLst>
              <a:ext uri="{FF2B5EF4-FFF2-40B4-BE49-F238E27FC236}">
                <a16:creationId xmlns:a16="http://schemas.microsoft.com/office/drawing/2014/main" id="{08ECB419-5891-E581-8CE0-4931DF26EC6F}"/>
              </a:ext>
            </a:extLst>
          </p:cNvPr>
          <p:cNvSpPr/>
          <p:nvPr/>
        </p:nvSpPr>
        <p:spPr>
          <a:xfrm>
            <a:off x="1226930" y="2537736"/>
            <a:ext cx="1788396" cy="1731693"/>
          </a:xfrm>
          <a:custGeom>
            <a:avLst/>
            <a:gdLst>
              <a:gd name="csX0" fmla="*/ 19689 w 1788396"/>
              <a:gd name="csY0" fmla="*/ 1730982 h 1731693"/>
              <a:gd name="csX1" fmla="*/ 51 w 1788396"/>
              <a:gd name="csY1" fmla="*/ 1709855 h 1731693"/>
              <a:gd name="csX2" fmla="*/ 285570 w 1788396"/>
              <a:gd name="csY2" fmla="*/ 758598 h 1731693"/>
              <a:gd name="csX3" fmla="*/ 636508 w 1788396"/>
              <a:gd name="csY3" fmla="*/ 292385 h 1731693"/>
              <a:gd name="csX4" fmla="*/ 985376 w 1788396"/>
              <a:gd name="csY4" fmla="*/ 3371 h 1731693"/>
              <a:gd name="csX5" fmla="*/ 1013491 w 1788396"/>
              <a:gd name="csY5" fmla="*/ 9842 h 1731693"/>
              <a:gd name="csX6" fmla="*/ 1785768 w 1788396"/>
              <a:gd name="csY6" fmla="*/ 1347722 h 1731693"/>
              <a:gd name="csX7" fmla="*/ 1781983 w 1788396"/>
              <a:gd name="csY7" fmla="*/ 1372117 h 1731693"/>
              <a:gd name="csX8" fmla="*/ 1582492 w 1788396"/>
              <a:gd name="csY8" fmla="*/ 1716293 h 1731693"/>
              <a:gd name="csX9" fmla="*/ 1563274 w 1788396"/>
              <a:gd name="csY9" fmla="*/ 1731694 h 1731693"/>
              <a:gd name="csX10" fmla="*/ 19721 w 1788396"/>
              <a:gd name="csY10" fmla="*/ 1731014 h 1731693"/>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 ang="0">
                <a:pos x="csX9" y="csY9"/>
              </a:cxn>
              <a:cxn ang="0">
                <a:pos x="csX10" y="csY10"/>
              </a:cxn>
            </a:cxnLst>
            <a:rect l="l" t="t" r="r" b="b"/>
            <a:pathLst>
              <a:path w="1788396" h="1731693">
                <a:moveTo>
                  <a:pt x="19689" y="1730982"/>
                </a:moveTo>
                <a:cubicBezTo>
                  <a:pt x="8236" y="1730982"/>
                  <a:pt x="-758" y="1721276"/>
                  <a:pt x="51" y="1709855"/>
                </a:cubicBezTo>
                <a:cubicBezTo>
                  <a:pt x="23410" y="1376744"/>
                  <a:pt x="121764" y="1048744"/>
                  <a:pt x="285570" y="758598"/>
                </a:cubicBezTo>
                <a:cubicBezTo>
                  <a:pt x="381725" y="588257"/>
                  <a:pt x="499815" y="431407"/>
                  <a:pt x="636508" y="292385"/>
                </a:cubicBezTo>
                <a:cubicBezTo>
                  <a:pt x="742110" y="184971"/>
                  <a:pt x="859327" y="87911"/>
                  <a:pt x="985376" y="3371"/>
                </a:cubicBezTo>
                <a:cubicBezTo>
                  <a:pt x="994855" y="-3003"/>
                  <a:pt x="1007764" y="-58"/>
                  <a:pt x="1013491" y="9842"/>
                </a:cubicBezTo>
                <a:lnTo>
                  <a:pt x="1785768" y="1347722"/>
                </a:lnTo>
                <a:cubicBezTo>
                  <a:pt x="1790395" y="1355746"/>
                  <a:pt x="1788777" y="1365873"/>
                  <a:pt x="1781983" y="1372117"/>
                </a:cubicBezTo>
                <a:cubicBezTo>
                  <a:pt x="1682270" y="1463613"/>
                  <a:pt x="1612613" y="1583773"/>
                  <a:pt x="1582492" y="1716293"/>
                </a:cubicBezTo>
                <a:cubicBezTo>
                  <a:pt x="1580453" y="1725287"/>
                  <a:pt x="1572494" y="1731694"/>
                  <a:pt x="1563274" y="1731694"/>
                </a:cubicBezTo>
                <a:lnTo>
                  <a:pt x="19721" y="1731014"/>
                </a:lnTo>
                <a:close/>
              </a:path>
            </a:pathLst>
          </a:custGeom>
          <a:solidFill>
            <a:schemeClr val="bg1"/>
          </a:solidFill>
          <a:ln w="3235" cap="flat">
            <a:solidFill>
              <a:srgbClr val="A65AF9"/>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23" name="Freeform: Shape 22">
            <a:extLst>
              <a:ext uri="{FF2B5EF4-FFF2-40B4-BE49-F238E27FC236}">
                <a16:creationId xmlns:a16="http://schemas.microsoft.com/office/drawing/2014/main" id="{F6719759-0EB8-954C-99F9-D453F3A58355}"/>
              </a:ext>
            </a:extLst>
          </p:cNvPr>
          <p:cNvSpPr/>
          <p:nvPr/>
        </p:nvSpPr>
        <p:spPr>
          <a:xfrm>
            <a:off x="7297366" y="2435867"/>
            <a:ext cx="1967770" cy="1584634"/>
          </a:xfrm>
          <a:custGeom>
            <a:avLst/>
            <a:gdLst>
              <a:gd name="csX0" fmla="*/ 761116 w 1967770"/>
              <a:gd name="csY0" fmla="*/ 1583470 h 1584634"/>
              <a:gd name="csX1" fmla="*/ 0 w 1967770"/>
              <a:gd name="csY1" fmla="*/ 263837 h 1584634"/>
              <a:gd name="csX2" fmla="*/ 1966218 w 1967770"/>
              <a:gd name="csY2" fmla="*/ 263287 h 1584634"/>
              <a:gd name="csX3" fmla="*/ 1967771 w 1967770"/>
              <a:gd name="csY3" fmla="*/ 264193 h 1584634"/>
              <a:gd name="csX4" fmla="*/ 1205264 w 1967770"/>
              <a:gd name="csY4" fmla="*/ 1584635 h 1584634"/>
              <a:gd name="csX5" fmla="*/ 1203355 w 1967770"/>
              <a:gd name="csY5" fmla="*/ 1583502 h 1584634"/>
              <a:gd name="csX6" fmla="*/ 761180 w 1967770"/>
              <a:gd name="csY6" fmla="*/ 1583502 h 1584634"/>
            </a:gdLst>
            <a:ahLst/>
            <a:cxnLst>
              <a:cxn ang="0">
                <a:pos x="csX0" y="csY0"/>
              </a:cxn>
              <a:cxn ang="0">
                <a:pos x="csX1" y="csY1"/>
              </a:cxn>
              <a:cxn ang="0">
                <a:pos x="csX2" y="csY2"/>
              </a:cxn>
              <a:cxn ang="0">
                <a:pos x="csX3" y="csY3"/>
              </a:cxn>
              <a:cxn ang="0">
                <a:pos x="csX4" y="csY4"/>
              </a:cxn>
              <a:cxn ang="0">
                <a:pos x="csX5" y="csY5"/>
              </a:cxn>
              <a:cxn ang="0">
                <a:pos x="csX6" y="csY6"/>
              </a:cxn>
            </a:cxnLst>
            <a:rect l="l" t="t" r="r" b="b"/>
            <a:pathLst>
              <a:path w="1967770" h="1584634">
                <a:moveTo>
                  <a:pt x="761116" y="1583470"/>
                </a:moveTo>
                <a:lnTo>
                  <a:pt x="0" y="263837"/>
                </a:lnTo>
                <a:cubicBezTo>
                  <a:pt x="588186" y="-74937"/>
                  <a:pt x="1336166" y="-100528"/>
                  <a:pt x="1966218" y="263287"/>
                </a:cubicBezTo>
                <a:cubicBezTo>
                  <a:pt x="1966573" y="263481"/>
                  <a:pt x="1967771" y="264193"/>
                  <a:pt x="1967771" y="264193"/>
                </a:cubicBezTo>
                <a:lnTo>
                  <a:pt x="1205264" y="1584635"/>
                </a:lnTo>
                <a:cubicBezTo>
                  <a:pt x="1204617" y="1584246"/>
                  <a:pt x="1204002" y="1583858"/>
                  <a:pt x="1203355" y="1583502"/>
                </a:cubicBezTo>
                <a:cubicBezTo>
                  <a:pt x="1061647" y="1501648"/>
                  <a:pt x="893441" y="1507213"/>
                  <a:pt x="761180" y="1583502"/>
                </a:cubicBezTo>
                <a:close/>
              </a:path>
            </a:pathLst>
          </a:custGeom>
          <a:solidFill>
            <a:srgbClr val="60308C"/>
          </a:solidFill>
          <a:ln w="3235" cap="flat">
            <a:no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24" name="Freeform: Shape 23">
            <a:extLst>
              <a:ext uri="{FF2B5EF4-FFF2-40B4-BE49-F238E27FC236}">
                <a16:creationId xmlns:a16="http://schemas.microsoft.com/office/drawing/2014/main" id="{C29F548A-79E5-4C7D-D4C5-3C55C3869C4D}"/>
              </a:ext>
            </a:extLst>
          </p:cNvPr>
          <p:cNvSpPr/>
          <p:nvPr/>
        </p:nvSpPr>
        <p:spPr>
          <a:xfrm>
            <a:off x="8502598" y="2701709"/>
            <a:ext cx="1743301" cy="1704186"/>
          </a:xfrm>
          <a:custGeom>
            <a:avLst/>
            <a:gdLst>
              <a:gd name="csX0" fmla="*/ 219098 w 1743301"/>
              <a:gd name="csY0" fmla="*/ 1703928 h 1704186"/>
              <a:gd name="csX1" fmla="*/ 219098 w 1743301"/>
              <a:gd name="csY1" fmla="*/ 1703604 h 1704186"/>
              <a:gd name="csX2" fmla="*/ 0 w 1743301"/>
              <a:gd name="csY2" fmla="*/ 1318760 h 1704186"/>
              <a:gd name="csX3" fmla="*/ 761536 w 1743301"/>
              <a:gd name="csY3" fmla="*/ 0 h 1704186"/>
              <a:gd name="csX4" fmla="*/ 1743302 w 1743301"/>
              <a:gd name="csY4" fmla="*/ 1704187 h 1704186"/>
              <a:gd name="csX5" fmla="*/ 1742525 w 1743301"/>
              <a:gd name="csY5" fmla="*/ 1704187 h 1704186"/>
              <a:gd name="csX6" fmla="*/ 219065 w 1743301"/>
              <a:gd name="csY6" fmla="*/ 1703928 h 1704186"/>
            </a:gdLst>
            <a:ahLst/>
            <a:cxnLst>
              <a:cxn ang="0">
                <a:pos x="csX0" y="csY0"/>
              </a:cxn>
              <a:cxn ang="0">
                <a:pos x="csX1" y="csY1"/>
              </a:cxn>
              <a:cxn ang="0">
                <a:pos x="csX2" y="csY2"/>
              </a:cxn>
              <a:cxn ang="0">
                <a:pos x="csX3" y="csY3"/>
              </a:cxn>
              <a:cxn ang="0">
                <a:pos x="csX4" y="csY4"/>
              </a:cxn>
              <a:cxn ang="0">
                <a:pos x="csX5" y="csY5"/>
              </a:cxn>
              <a:cxn ang="0">
                <a:pos x="csX6" y="csY6"/>
              </a:cxn>
            </a:cxnLst>
            <a:rect l="l" t="t" r="r" b="b"/>
            <a:pathLst>
              <a:path w="1743301" h="1704186">
                <a:moveTo>
                  <a:pt x="219098" y="1703928"/>
                </a:moveTo>
                <a:cubicBezTo>
                  <a:pt x="219098" y="1703928"/>
                  <a:pt x="219098" y="1703734"/>
                  <a:pt x="219098" y="1703604"/>
                </a:cubicBezTo>
                <a:cubicBezTo>
                  <a:pt x="220068" y="1550572"/>
                  <a:pt x="141449" y="1401358"/>
                  <a:pt x="0" y="1318760"/>
                </a:cubicBezTo>
                <a:lnTo>
                  <a:pt x="761536" y="0"/>
                </a:lnTo>
                <a:cubicBezTo>
                  <a:pt x="1392396" y="364785"/>
                  <a:pt x="1743561" y="1024958"/>
                  <a:pt x="1743302" y="1704187"/>
                </a:cubicBezTo>
                <a:lnTo>
                  <a:pt x="1742525" y="1704187"/>
                </a:lnTo>
                <a:cubicBezTo>
                  <a:pt x="1742525" y="1704187"/>
                  <a:pt x="219065" y="1703928"/>
                  <a:pt x="219065" y="1703928"/>
                </a:cubicBezTo>
                <a:close/>
              </a:path>
            </a:pathLst>
          </a:custGeom>
          <a:solidFill>
            <a:srgbClr val="511F73"/>
          </a:solidFill>
          <a:ln w="3235" cap="flat">
            <a:no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31" name="Freeform: Shape 30">
            <a:extLst>
              <a:ext uri="{FF2B5EF4-FFF2-40B4-BE49-F238E27FC236}">
                <a16:creationId xmlns:a16="http://schemas.microsoft.com/office/drawing/2014/main" id="{64D63882-30F8-7DF8-9709-DC72C1418909}"/>
              </a:ext>
            </a:extLst>
          </p:cNvPr>
          <p:cNvSpPr/>
          <p:nvPr/>
        </p:nvSpPr>
        <p:spPr>
          <a:xfrm>
            <a:off x="8727434" y="2541141"/>
            <a:ext cx="1788405" cy="1731070"/>
          </a:xfrm>
          <a:custGeom>
            <a:avLst/>
            <a:gdLst>
              <a:gd name="csX0" fmla="*/ 775015 w 1788405"/>
              <a:gd name="csY0" fmla="*/ 9833 h 1731070"/>
              <a:gd name="csX1" fmla="*/ 803130 w 1788405"/>
              <a:gd name="csY1" fmla="*/ 3395 h 1731070"/>
              <a:gd name="csX2" fmla="*/ 1484203 w 1788405"/>
              <a:gd name="csY2" fmla="*/ 726301 h 1731070"/>
              <a:gd name="csX3" fmla="*/ 1712490 w 1788405"/>
              <a:gd name="csY3" fmla="*/ 1263336 h 1731070"/>
              <a:gd name="csX4" fmla="*/ 1788359 w 1788405"/>
              <a:gd name="csY4" fmla="*/ 1709976 h 1731070"/>
              <a:gd name="csX5" fmla="*/ 1768687 w 1788405"/>
              <a:gd name="csY5" fmla="*/ 1731070 h 1731070"/>
              <a:gd name="csX6" fmla="*/ 223906 w 1788405"/>
              <a:gd name="csY6" fmla="*/ 1730941 h 1731070"/>
              <a:gd name="csX7" fmla="*/ 204688 w 1788405"/>
              <a:gd name="csY7" fmla="*/ 1715443 h 1731070"/>
              <a:gd name="csX8" fmla="*/ 6361 w 1788405"/>
              <a:gd name="csY8" fmla="*/ 1370620 h 1731070"/>
              <a:gd name="csX9" fmla="*/ 2641 w 1788405"/>
              <a:gd name="csY9" fmla="*/ 1346290 h 1731070"/>
              <a:gd name="csX10" fmla="*/ 775015 w 1788405"/>
              <a:gd name="csY10" fmla="*/ 9898 h 1731070"/>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 ang="0">
                <a:pos x="csX9" y="csY9"/>
              </a:cxn>
              <a:cxn ang="0">
                <a:pos x="csX10" y="csY10"/>
              </a:cxn>
            </a:cxnLst>
            <a:rect l="l" t="t" r="r" b="b"/>
            <a:pathLst>
              <a:path w="1788405" h="1731070">
                <a:moveTo>
                  <a:pt x="775015" y="9833"/>
                </a:moveTo>
                <a:cubicBezTo>
                  <a:pt x="780742" y="-67"/>
                  <a:pt x="793651" y="-3011"/>
                  <a:pt x="803130" y="3395"/>
                </a:cubicBezTo>
                <a:cubicBezTo>
                  <a:pt x="1079947" y="190204"/>
                  <a:pt x="1314800" y="439326"/>
                  <a:pt x="1484203" y="726301"/>
                </a:cubicBezTo>
                <a:cubicBezTo>
                  <a:pt x="1583626" y="894733"/>
                  <a:pt x="1660433" y="1075427"/>
                  <a:pt x="1712490" y="1263336"/>
                </a:cubicBezTo>
                <a:cubicBezTo>
                  <a:pt x="1752705" y="1408506"/>
                  <a:pt x="1778167" y="1558529"/>
                  <a:pt x="1788359" y="1709976"/>
                </a:cubicBezTo>
                <a:cubicBezTo>
                  <a:pt x="1789135" y="1721397"/>
                  <a:pt x="1780141" y="1731070"/>
                  <a:pt x="1768687" y="1731070"/>
                </a:cubicBezTo>
                <a:lnTo>
                  <a:pt x="223906" y="1730941"/>
                </a:lnTo>
                <a:cubicBezTo>
                  <a:pt x="214653" y="1730941"/>
                  <a:pt x="206694" y="1724470"/>
                  <a:pt x="204688" y="1715443"/>
                </a:cubicBezTo>
                <a:cubicBezTo>
                  <a:pt x="175311" y="1583344"/>
                  <a:pt x="106075" y="1462957"/>
                  <a:pt x="6361" y="1370620"/>
                </a:cubicBezTo>
                <a:cubicBezTo>
                  <a:pt x="-401" y="1364344"/>
                  <a:pt x="-1986" y="1354249"/>
                  <a:pt x="2641" y="1346290"/>
                </a:cubicBezTo>
                <a:lnTo>
                  <a:pt x="775015" y="9898"/>
                </a:lnTo>
                <a:close/>
              </a:path>
            </a:pathLst>
          </a:custGeom>
          <a:solidFill>
            <a:schemeClr val="bg1"/>
          </a:solidFill>
          <a:ln w="3235" cap="flat">
            <a:solidFill>
              <a:srgbClr val="A65AF9"/>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52" name="Freeform: Shape 51">
            <a:extLst>
              <a:ext uri="{FF2B5EF4-FFF2-40B4-BE49-F238E27FC236}">
                <a16:creationId xmlns:a16="http://schemas.microsoft.com/office/drawing/2014/main" id="{A7043499-5339-F06D-4C99-8A853E858017}"/>
              </a:ext>
            </a:extLst>
          </p:cNvPr>
          <p:cNvSpPr/>
          <p:nvPr/>
        </p:nvSpPr>
        <p:spPr>
          <a:xfrm>
            <a:off x="7285242" y="2161498"/>
            <a:ext cx="1992730" cy="1603688"/>
          </a:xfrm>
          <a:custGeom>
            <a:avLst/>
            <a:gdLst>
              <a:gd name="csX0" fmla="*/ 2644 w 1992730"/>
              <a:gd name="csY0" fmla="*/ 256051 h 1603688"/>
              <a:gd name="csX1" fmla="*/ 11120 w 1992730"/>
              <a:gd name="csY1" fmla="*/ 228454 h 1603688"/>
              <a:gd name="csX2" fmla="*/ 977681 w 1992730"/>
              <a:gd name="csY2" fmla="*/ 103 h 1603688"/>
              <a:gd name="csX3" fmla="*/ 1556905 w 1992730"/>
              <a:gd name="csY3" fmla="*/ 70925 h 1603688"/>
              <a:gd name="csX4" fmla="*/ 1981641 w 1992730"/>
              <a:gd name="csY4" fmla="*/ 228551 h 1603688"/>
              <a:gd name="csX5" fmla="*/ 1990085 w 1992730"/>
              <a:gd name="csY5" fmla="*/ 256116 h 1603688"/>
              <a:gd name="csX6" fmla="*/ 1217581 w 1992730"/>
              <a:gd name="csY6" fmla="*/ 1593867 h 1603688"/>
              <a:gd name="csX7" fmla="*/ 1194546 w 1992730"/>
              <a:gd name="csY7" fmla="*/ 1602764 h 1603688"/>
              <a:gd name="csX8" fmla="*/ 796728 w 1992730"/>
              <a:gd name="csY8" fmla="*/ 1602117 h 1603688"/>
              <a:gd name="csX9" fmla="*/ 773789 w 1992730"/>
              <a:gd name="csY9" fmla="*/ 1593155 h 1603688"/>
              <a:gd name="csX10" fmla="*/ 2611 w 1992730"/>
              <a:gd name="csY10" fmla="*/ 256051 h 1603688"/>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 ang="0">
                <a:pos x="csX9" y="csY9"/>
              </a:cxn>
              <a:cxn ang="0">
                <a:pos x="csX10" y="csY10"/>
              </a:cxn>
            </a:cxnLst>
            <a:rect l="l" t="t" r="r" b="b"/>
            <a:pathLst>
              <a:path w="1992730" h="1603688">
                <a:moveTo>
                  <a:pt x="2644" y="256051"/>
                </a:moveTo>
                <a:cubicBezTo>
                  <a:pt x="-3083" y="246151"/>
                  <a:pt x="832" y="233468"/>
                  <a:pt x="11120" y="228454"/>
                </a:cubicBezTo>
                <a:cubicBezTo>
                  <a:pt x="311296" y="82151"/>
                  <a:pt x="644504" y="3306"/>
                  <a:pt x="977681" y="103"/>
                </a:cubicBezTo>
                <a:cubicBezTo>
                  <a:pt x="1173257" y="-1774"/>
                  <a:pt x="1368154" y="22038"/>
                  <a:pt x="1556905" y="70925"/>
                </a:cubicBezTo>
                <a:cubicBezTo>
                  <a:pt x="1702722" y="108681"/>
                  <a:pt x="1845401" y="161644"/>
                  <a:pt x="1981641" y="228551"/>
                </a:cubicBezTo>
                <a:cubicBezTo>
                  <a:pt x="1991897" y="233598"/>
                  <a:pt x="1995812" y="246216"/>
                  <a:pt x="1990085" y="256116"/>
                </a:cubicBezTo>
                <a:lnTo>
                  <a:pt x="1217581" y="1593867"/>
                </a:lnTo>
                <a:cubicBezTo>
                  <a:pt x="1212955" y="1601891"/>
                  <a:pt x="1203378" y="1605547"/>
                  <a:pt x="1194546" y="1602764"/>
                </a:cubicBezTo>
                <a:cubicBezTo>
                  <a:pt x="1065456" y="1562161"/>
                  <a:pt x="926562" y="1561934"/>
                  <a:pt x="796728" y="1602117"/>
                </a:cubicBezTo>
                <a:cubicBezTo>
                  <a:pt x="787928" y="1604835"/>
                  <a:pt x="778383" y="1601147"/>
                  <a:pt x="773789" y="1593155"/>
                </a:cubicBezTo>
                <a:lnTo>
                  <a:pt x="2611" y="256051"/>
                </a:lnTo>
                <a:close/>
              </a:path>
            </a:pathLst>
          </a:custGeom>
          <a:solidFill>
            <a:schemeClr val="bg1"/>
          </a:solidFill>
          <a:ln w="3235" cap="flat">
            <a:solidFill>
              <a:srgbClr val="A65AF9"/>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53" name="Freeform: Shape 52">
            <a:extLst>
              <a:ext uri="{FF2B5EF4-FFF2-40B4-BE49-F238E27FC236}">
                <a16:creationId xmlns:a16="http://schemas.microsoft.com/office/drawing/2014/main" id="{843590F5-077D-5F20-B9BF-1193E26E8BE4}"/>
              </a:ext>
            </a:extLst>
          </p:cNvPr>
          <p:cNvSpPr/>
          <p:nvPr/>
        </p:nvSpPr>
        <p:spPr>
          <a:xfrm>
            <a:off x="3631573" y="4533530"/>
            <a:ext cx="1788404" cy="1731070"/>
          </a:xfrm>
          <a:custGeom>
            <a:avLst/>
            <a:gdLst>
              <a:gd name="csX0" fmla="*/ 1013390 w 1788404"/>
              <a:gd name="csY0" fmla="*/ 1721237 h 1731070"/>
              <a:gd name="csX1" fmla="*/ 985275 w 1788404"/>
              <a:gd name="csY1" fmla="*/ 1727676 h 1731070"/>
              <a:gd name="csX2" fmla="*/ 311643 w 1788404"/>
              <a:gd name="csY2" fmla="*/ 1053979 h 1731070"/>
              <a:gd name="csX3" fmla="*/ 75916 w 1788404"/>
              <a:gd name="csY3" fmla="*/ 467734 h 1731070"/>
              <a:gd name="csX4" fmla="*/ 47 w 1788404"/>
              <a:gd name="csY4" fmla="*/ 21095 h 1731070"/>
              <a:gd name="csX5" fmla="*/ 19718 w 1788404"/>
              <a:gd name="csY5" fmla="*/ 0 h 1731070"/>
              <a:gd name="csX6" fmla="*/ 1564499 w 1788404"/>
              <a:gd name="csY6" fmla="*/ 130 h 1731070"/>
              <a:gd name="csX7" fmla="*/ 1583717 w 1788404"/>
              <a:gd name="csY7" fmla="*/ 15627 h 1731070"/>
              <a:gd name="csX8" fmla="*/ 1782044 w 1788404"/>
              <a:gd name="csY8" fmla="*/ 360450 h 1731070"/>
              <a:gd name="csX9" fmla="*/ 1785764 w 1788404"/>
              <a:gd name="csY9" fmla="*/ 384780 h 1731070"/>
              <a:gd name="csX10" fmla="*/ 1013390 w 1788404"/>
              <a:gd name="csY10" fmla="*/ 1721173 h 1731070"/>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 ang="0">
                <a:pos x="csX9" y="csY9"/>
              </a:cxn>
              <a:cxn ang="0">
                <a:pos x="csX10" y="csY10"/>
              </a:cxn>
            </a:cxnLst>
            <a:rect l="l" t="t" r="r" b="b"/>
            <a:pathLst>
              <a:path w="1788404" h="1731070">
                <a:moveTo>
                  <a:pt x="1013390" y="1721237"/>
                </a:moveTo>
                <a:cubicBezTo>
                  <a:pt x="1007663" y="1731137"/>
                  <a:pt x="994754" y="1734082"/>
                  <a:pt x="985275" y="1727676"/>
                </a:cubicBezTo>
                <a:cubicBezTo>
                  <a:pt x="708458" y="1540867"/>
                  <a:pt x="481046" y="1340954"/>
                  <a:pt x="311643" y="1053979"/>
                </a:cubicBezTo>
                <a:cubicBezTo>
                  <a:pt x="212221" y="885547"/>
                  <a:pt x="127972" y="655643"/>
                  <a:pt x="75916" y="467734"/>
                </a:cubicBezTo>
                <a:cubicBezTo>
                  <a:pt x="35700" y="322564"/>
                  <a:pt x="10238" y="172541"/>
                  <a:pt x="47" y="21095"/>
                </a:cubicBezTo>
                <a:cubicBezTo>
                  <a:pt x="-730" y="9674"/>
                  <a:pt x="8264" y="0"/>
                  <a:pt x="19718" y="0"/>
                </a:cubicBezTo>
                <a:lnTo>
                  <a:pt x="1564499" y="130"/>
                </a:lnTo>
                <a:cubicBezTo>
                  <a:pt x="1573752" y="130"/>
                  <a:pt x="1581711" y="6600"/>
                  <a:pt x="1583717" y="15627"/>
                </a:cubicBezTo>
                <a:cubicBezTo>
                  <a:pt x="1613094" y="147726"/>
                  <a:pt x="1682330" y="268113"/>
                  <a:pt x="1782044" y="360450"/>
                </a:cubicBezTo>
                <a:cubicBezTo>
                  <a:pt x="1788806" y="366727"/>
                  <a:pt x="1790391" y="376821"/>
                  <a:pt x="1785764" y="384780"/>
                </a:cubicBezTo>
                <a:lnTo>
                  <a:pt x="1013390" y="1721173"/>
                </a:lnTo>
                <a:close/>
              </a:path>
            </a:pathLst>
          </a:custGeom>
          <a:solidFill>
            <a:schemeClr val="bg1"/>
          </a:solidFill>
          <a:ln w="3235" cap="flat">
            <a:solidFill>
              <a:srgbClr val="A65AF9"/>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54" name="Freeform: Shape 53">
            <a:extLst>
              <a:ext uri="{FF2B5EF4-FFF2-40B4-BE49-F238E27FC236}">
                <a16:creationId xmlns:a16="http://schemas.microsoft.com/office/drawing/2014/main" id="{46611D52-C9BF-CECC-79AD-DAB6395D13CB}"/>
              </a:ext>
            </a:extLst>
          </p:cNvPr>
          <p:cNvSpPr/>
          <p:nvPr/>
        </p:nvSpPr>
        <p:spPr>
          <a:xfrm>
            <a:off x="4869407" y="5040556"/>
            <a:ext cx="1992762" cy="1603688"/>
          </a:xfrm>
          <a:custGeom>
            <a:avLst/>
            <a:gdLst>
              <a:gd name="csX0" fmla="*/ 1990119 w 1992762"/>
              <a:gd name="csY0" fmla="*/ 1347605 h 1603688"/>
              <a:gd name="csX1" fmla="*/ 1981642 w 1992762"/>
              <a:gd name="csY1" fmla="*/ 1375203 h 1603688"/>
              <a:gd name="csX2" fmla="*/ 1015050 w 1992762"/>
              <a:gd name="csY2" fmla="*/ 1603586 h 1603688"/>
              <a:gd name="csX3" fmla="*/ 435826 w 1992762"/>
              <a:gd name="csY3" fmla="*/ 1532764 h 1603688"/>
              <a:gd name="csX4" fmla="*/ 11089 w 1992762"/>
              <a:gd name="csY4" fmla="*/ 1375138 h 1603688"/>
              <a:gd name="csX5" fmla="*/ 2645 w 1992762"/>
              <a:gd name="csY5" fmla="*/ 1347573 h 1603688"/>
              <a:gd name="csX6" fmla="*/ 775149 w 1992762"/>
              <a:gd name="csY6" fmla="*/ 9821 h 1603688"/>
              <a:gd name="csX7" fmla="*/ 798185 w 1992762"/>
              <a:gd name="csY7" fmla="*/ 924 h 1603688"/>
              <a:gd name="csX8" fmla="*/ 1196003 w 1992762"/>
              <a:gd name="csY8" fmla="*/ 1571 h 1603688"/>
              <a:gd name="csX9" fmla="*/ 1218941 w 1992762"/>
              <a:gd name="csY9" fmla="*/ 10533 h 1603688"/>
              <a:gd name="csX10" fmla="*/ 1990119 w 1992762"/>
              <a:gd name="csY10" fmla="*/ 1347637 h 1603688"/>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 ang="0">
                <a:pos x="csX9" y="csY9"/>
              </a:cxn>
              <a:cxn ang="0">
                <a:pos x="csX10" y="csY10"/>
              </a:cxn>
            </a:cxnLst>
            <a:rect l="l" t="t" r="r" b="b"/>
            <a:pathLst>
              <a:path w="1992762" h="1603688">
                <a:moveTo>
                  <a:pt x="1990119" y="1347605"/>
                </a:moveTo>
                <a:cubicBezTo>
                  <a:pt x="1995845" y="1357505"/>
                  <a:pt x="1991931" y="1370188"/>
                  <a:pt x="1981642" y="1375203"/>
                </a:cubicBezTo>
                <a:cubicBezTo>
                  <a:pt x="1681467" y="1521505"/>
                  <a:pt x="1348258" y="1600350"/>
                  <a:pt x="1015050" y="1603586"/>
                </a:cubicBezTo>
                <a:cubicBezTo>
                  <a:pt x="819473" y="1605462"/>
                  <a:pt x="624576" y="1581650"/>
                  <a:pt x="435826" y="1532764"/>
                </a:cubicBezTo>
                <a:cubicBezTo>
                  <a:pt x="290008" y="1495007"/>
                  <a:pt x="147330" y="1442045"/>
                  <a:pt x="11089" y="1375138"/>
                </a:cubicBezTo>
                <a:cubicBezTo>
                  <a:pt x="833" y="1370090"/>
                  <a:pt x="-3082" y="1357473"/>
                  <a:pt x="2645" y="1347573"/>
                </a:cubicBezTo>
                <a:lnTo>
                  <a:pt x="775149" y="9821"/>
                </a:lnTo>
                <a:cubicBezTo>
                  <a:pt x="779775" y="1797"/>
                  <a:pt x="789352" y="-1858"/>
                  <a:pt x="798185" y="924"/>
                </a:cubicBezTo>
                <a:cubicBezTo>
                  <a:pt x="927275" y="41528"/>
                  <a:pt x="1066168" y="41754"/>
                  <a:pt x="1196003" y="1571"/>
                </a:cubicBezTo>
                <a:cubicBezTo>
                  <a:pt x="1204803" y="-1147"/>
                  <a:pt x="1214347" y="2542"/>
                  <a:pt x="1218941" y="10533"/>
                </a:cubicBezTo>
                <a:lnTo>
                  <a:pt x="1990119" y="1347637"/>
                </a:lnTo>
                <a:close/>
              </a:path>
            </a:pathLst>
          </a:custGeom>
          <a:solidFill>
            <a:schemeClr val="bg1"/>
          </a:solidFill>
          <a:ln w="3235" cap="flat">
            <a:solidFill>
              <a:srgbClr val="A65AF9"/>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55" name="Freeform: Shape 54">
            <a:extLst>
              <a:ext uri="{FF2B5EF4-FFF2-40B4-BE49-F238E27FC236}">
                <a16:creationId xmlns:a16="http://schemas.microsoft.com/office/drawing/2014/main" id="{6B988CB9-6A38-320D-8308-650DB7915381}"/>
              </a:ext>
            </a:extLst>
          </p:cNvPr>
          <p:cNvSpPr/>
          <p:nvPr/>
        </p:nvSpPr>
        <p:spPr>
          <a:xfrm>
            <a:off x="6313619" y="4536313"/>
            <a:ext cx="1788396" cy="1731693"/>
          </a:xfrm>
          <a:custGeom>
            <a:avLst/>
            <a:gdLst>
              <a:gd name="csX0" fmla="*/ 1768707 w 1788396"/>
              <a:gd name="csY0" fmla="*/ 679 h 1731693"/>
              <a:gd name="csX1" fmla="*/ 1788346 w 1788396"/>
              <a:gd name="csY1" fmla="*/ 21806 h 1731693"/>
              <a:gd name="csX2" fmla="*/ 1502826 w 1788396"/>
              <a:gd name="csY2" fmla="*/ 973063 h 1731693"/>
              <a:gd name="csX3" fmla="*/ 1151888 w 1788396"/>
              <a:gd name="csY3" fmla="*/ 1439309 h 1731693"/>
              <a:gd name="csX4" fmla="*/ 803021 w 1788396"/>
              <a:gd name="csY4" fmla="*/ 1728322 h 1731693"/>
              <a:gd name="csX5" fmla="*/ 774905 w 1788396"/>
              <a:gd name="csY5" fmla="*/ 1721852 h 1731693"/>
              <a:gd name="csX6" fmla="*/ 2628 w 1788396"/>
              <a:gd name="csY6" fmla="*/ 383971 h 1731693"/>
              <a:gd name="csX7" fmla="*/ 6413 w 1788396"/>
              <a:gd name="csY7" fmla="*/ 359576 h 1731693"/>
              <a:gd name="csX8" fmla="*/ 205905 w 1788396"/>
              <a:gd name="csY8" fmla="*/ 15400 h 1731693"/>
              <a:gd name="csX9" fmla="*/ 225123 w 1788396"/>
              <a:gd name="csY9" fmla="*/ 0 h 1731693"/>
              <a:gd name="csX10" fmla="*/ 1768675 w 1788396"/>
              <a:gd name="csY10" fmla="*/ 679 h 1731693"/>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 ang="0">
                <a:pos x="csX9" y="csY9"/>
              </a:cxn>
              <a:cxn ang="0">
                <a:pos x="csX10" y="csY10"/>
              </a:cxn>
            </a:cxnLst>
            <a:rect l="l" t="t" r="r" b="b"/>
            <a:pathLst>
              <a:path w="1788396" h="1731693">
                <a:moveTo>
                  <a:pt x="1768707" y="679"/>
                </a:moveTo>
                <a:cubicBezTo>
                  <a:pt x="1780160" y="679"/>
                  <a:pt x="1789155" y="10385"/>
                  <a:pt x="1788346" y="21806"/>
                </a:cubicBezTo>
                <a:cubicBezTo>
                  <a:pt x="1764954" y="354917"/>
                  <a:pt x="1666632" y="682917"/>
                  <a:pt x="1502826" y="973063"/>
                </a:cubicBezTo>
                <a:cubicBezTo>
                  <a:pt x="1406672" y="1143404"/>
                  <a:pt x="1288582" y="1300254"/>
                  <a:pt x="1151888" y="1439309"/>
                </a:cubicBezTo>
                <a:cubicBezTo>
                  <a:pt x="1046286" y="1546722"/>
                  <a:pt x="929070" y="1643783"/>
                  <a:pt x="803021" y="1728322"/>
                </a:cubicBezTo>
                <a:cubicBezTo>
                  <a:pt x="793541" y="1734696"/>
                  <a:pt x="780632" y="1731752"/>
                  <a:pt x="774905" y="1721852"/>
                </a:cubicBezTo>
                <a:lnTo>
                  <a:pt x="2628" y="383971"/>
                </a:lnTo>
                <a:cubicBezTo>
                  <a:pt x="-1999" y="375947"/>
                  <a:pt x="-381" y="365821"/>
                  <a:pt x="6413" y="359576"/>
                </a:cubicBezTo>
                <a:cubicBezTo>
                  <a:pt x="106127" y="268081"/>
                  <a:pt x="175784" y="147920"/>
                  <a:pt x="205905" y="15400"/>
                </a:cubicBezTo>
                <a:cubicBezTo>
                  <a:pt x="207943" y="6406"/>
                  <a:pt x="215902" y="0"/>
                  <a:pt x="225123" y="0"/>
                </a:cubicBezTo>
                <a:lnTo>
                  <a:pt x="1768675" y="679"/>
                </a:lnTo>
                <a:close/>
              </a:path>
            </a:pathLst>
          </a:custGeom>
          <a:solidFill>
            <a:schemeClr val="bg1"/>
          </a:solidFill>
          <a:ln w="3235" cap="flat">
            <a:solidFill>
              <a:srgbClr val="A65AF9"/>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56" name="Freeform: Shape 55">
            <a:extLst>
              <a:ext uri="{FF2B5EF4-FFF2-40B4-BE49-F238E27FC236}">
                <a16:creationId xmlns:a16="http://schemas.microsoft.com/office/drawing/2014/main" id="{ABAE5213-0C4E-59FC-747F-6A295451155C}"/>
              </a:ext>
            </a:extLst>
          </p:cNvPr>
          <p:cNvSpPr/>
          <p:nvPr/>
        </p:nvSpPr>
        <p:spPr>
          <a:xfrm>
            <a:off x="6313529" y="2700383"/>
            <a:ext cx="1744758" cy="1705383"/>
          </a:xfrm>
          <a:custGeom>
            <a:avLst/>
            <a:gdLst>
              <a:gd name="csX0" fmla="*/ 32 w 1744758"/>
              <a:gd name="csY0" fmla="*/ 1705093 h 1705383"/>
              <a:gd name="csX1" fmla="*/ 263390 w 1744758"/>
              <a:gd name="csY1" fmla="*/ 719574 h 1705383"/>
              <a:gd name="csX2" fmla="*/ 983093 w 1744758"/>
              <a:gd name="csY2" fmla="*/ 0 h 1705383"/>
              <a:gd name="csX3" fmla="*/ 1744758 w 1744758"/>
              <a:gd name="csY3" fmla="*/ 1319051 h 1705383"/>
              <a:gd name="csX4" fmla="*/ 1583315 w 1744758"/>
              <a:gd name="csY4" fmla="*/ 1480689 h 1705383"/>
              <a:gd name="csX5" fmla="*/ 1524011 w 1744758"/>
              <a:gd name="csY5" fmla="*/ 1704931 h 1705383"/>
              <a:gd name="csX6" fmla="*/ 1524011 w 1744758"/>
              <a:gd name="csY6" fmla="*/ 1705384 h 1705383"/>
              <a:gd name="csX7" fmla="*/ 1068 w 1744758"/>
              <a:gd name="csY7" fmla="*/ 1705060 h 1705383"/>
              <a:gd name="csX8" fmla="*/ 0 w 1744758"/>
              <a:gd name="csY8" fmla="*/ 1705060 h 1705383"/>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Lst>
            <a:rect l="l" t="t" r="r" b="b"/>
            <a:pathLst>
              <a:path w="1744758" h="1705383">
                <a:moveTo>
                  <a:pt x="32" y="1705093"/>
                </a:moveTo>
                <a:cubicBezTo>
                  <a:pt x="-679" y="1370202"/>
                  <a:pt x="83893" y="1030458"/>
                  <a:pt x="263390" y="719574"/>
                </a:cubicBezTo>
                <a:cubicBezTo>
                  <a:pt x="442466" y="409466"/>
                  <a:pt x="693594" y="166750"/>
                  <a:pt x="983093" y="0"/>
                </a:cubicBezTo>
                <a:lnTo>
                  <a:pt x="1744758" y="1319051"/>
                </a:lnTo>
                <a:cubicBezTo>
                  <a:pt x="1679792" y="1356516"/>
                  <a:pt x="1623530" y="1411064"/>
                  <a:pt x="1583315" y="1480689"/>
                </a:cubicBezTo>
                <a:cubicBezTo>
                  <a:pt x="1542452" y="1551414"/>
                  <a:pt x="1523396" y="1628771"/>
                  <a:pt x="1524011" y="1704931"/>
                </a:cubicBezTo>
                <a:cubicBezTo>
                  <a:pt x="1524011" y="1705093"/>
                  <a:pt x="1524011" y="1705254"/>
                  <a:pt x="1524011" y="1705384"/>
                </a:cubicBezTo>
                <a:lnTo>
                  <a:pt x="1068" y="1705060"/>
                </a:lnTo>
                <a:lnTo>
                  <a:pt x="0" y="1705060"/>
                </a:lnTo>
                <a:close/>
              </a:path>
            </a:pathLst>
          </a:custGeom>
          <a:solidFill>
            <a:srgbClr val="6F46A6"/>
          </a:solidFill>
          <a:ln w="3235" cap="flat">
            <a:no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57" name="Freeform: Shape 56">
            <a:extLst>
              <a:ext uri="{FF2B5EF4-FFF2-40B4-BE49-F238E27FC236}">
                <a16:creationId xmlns:a16="http://schemas.microsoft.com/office/drawing/2014/main" id="{D1E400D5-14AE-B441-E027-133BF2E82F99}"/>
              </a:ext>
            </a:extLst>
          </p:cNvPr>
          <p:cNvSpPr/>
          <p:nvPr/>
        </p:nvSpPr>
        <p:spPr>
          <a:xfrm>
            <a:off x="6045365" y="2537736"/>
            <a:ext cx="1788396" cy="1731693"/>
          </a:xfrm>
          <a:custGeom>
            <a:avLst/>
            <a:gdLst>
              <a:gd name="csX0" fmla="*/ 19689 w 1788396"/>
              <a:gd name="csY0" fmla="*/ 1730982 h 1731693"/>
              <a:gd name="csX1" fmla="*/ 51 w 1788396"/>
              <a:gd name="csY1" fmla="*/ 1709855 h 1731693"/>
              <a:gd name="csX2" fmla="*/ 285570 w 1788396"/>
              <a:gd name="csY2" fmla="*/ 758598 h 1731693"/>
              <a:gd name="csX3" fmla="*/ 636508 w 1788396"/>
              <a:gd name="csY3" fmla="*/ 292385 h 1731693"/>
              <a:gd name="csX4" fmla="*/ 985376 w 1788396"/>
              <a:gd name="csY4" fmla="*/ 3371 h 1731693"/>
              <a:gd name="csX5" fmla="*/ 1013491 w 1788396"/>
              <a:gd name="csY5" fmla="*/ 9842 h 1731693"/>
              <a:gd name="csX6" fmla="*/ 1785769 w 1788396"/>
              <a:gd name="csY6" fmla="*/ 1347722 h 1731693"/>
              <a:gd name="csX7" fmla="*/ 1781983 w 1788396"/>
              <a:gd name="csY7" fmla="*/ 1372117 h 1731693"/>
              <a:gd name="csX8" fmla="*/ 1582491 w 1788396"/>
              <a:gd name="csY8" fmla="*/ 1716293 h 1731693"/>
              <a:gd name="csX9" fmla="*/ 1563274 w 1788396"/>
              <a:gd name="csY9" fmla="*/ 1731694 h 1731693"/>
              <a:gd name="csX10" fmla="*/ 19722 w 1788396"/>
              <a:gd name="csY10" fmla="*/ 1731014 h 1731693"/>
            </a:gdLst>
            <a:ahLst/>
            <a:cxnLst>
              <a:cxn ang="0">
                <a:pos x="csX0" y="csY0"/>
              </a:cxn>
              <a:cxn ang="0">
                <a:pos x="csX1" y="csY1"/>
              </a:cxn>
              <a:cxn ang="0">
                <a:pos x="csX2" y="csY2"/>
              </a:cxn>
              <a:cxn ang="0">
                <a:pos x="csX3" y="csY3"/>
              </a:cxn>
              <a:cxn ang="0">
                <a:pos x="csX4" y="csY4"/>
              </a:cxn>
              <a:cxn ang="0">
                <a:pos x="csX5" y="csY5"/>
              </a:cxn>
              <a:cxn ang="0">
                <a:pos x="csX6" y="csY6"/>
              </a:cxn>
              <a:cxn ang="0">
                <a:pos x="csX7" y="csY7"/>
              </a:cxn>
              <a:cxn ang="0">
                <a:pos x="csX8" y="csY8"/>
              </a:cxn>
              <a:cxn ang="0">
                <a:pos x="csX9" y="csY9"/>
              </a:cxn>
              <a:cxn ang="0">
                <a:pos x="csX10" y="csY10"/>
              </a:cxn>
            </a:cxnLst>
            <a:rect l="l" t="t" r="r" b="b"/>
            <a:pathLst>
              <a:path w="1788396" h="1731693">
                <a:moveTo>
                  <a:pt x="19689" y="1730982"/>
                </a:moveTo>
                <a:cubicBezTo>
                  <a:pt x="8236" y="1730982"/>
                  <a:pt x="-758" y="1721276"/>
                  <a:pt x="51" y="1709855"/>
                </a:cubicBezTo>
                <a:cubicBezTo>
                  <a:pt x="23442" y="1376744"/>
                  <a:pt x="121764" y="1048744"/>
                  <a:pt x="285570" y="758598"/>
                </a:cubicBezTo>
                <a:cubicBezTo>
                  <a:pt x="381725" y="588257"/>
                  <a:pt x="499815" y="431407"/>
                  <a:pt x="636508" y="292385"/>
                </a:cubicBezTo>
                <a:cubicBezTo>
                  <a:pt x="742110" y="184971"/>
                  <a:pt x="859327" y="87911"/>
                  <a:pt x="985376" y="3371"/>
                </a:cubicBezTo>
                <a:cubicBezTo>
                  <a:pt x="994856" y="-3003"/>
                  <a:pt x="1007765" y="-58"/>
                  <a:pt x="1013491" y="9842"/>
                </a:cubicBezTo>
                <a:lnTo>
                  <a:pt x="1785769" y="1347722"/>
                </a:lnTo>
                <a:cubicBezTo>
                  <a:pt x="1790395" y="1355746"/>
                  <a:pt x="1788777" y="1365873"/>
                  <a:pt x="1781983" y="1372117"/>
                </a:cubicBezTo>
                <a:cubicBezTo>
                  <a:pt x="1682270" y="1463613"/>
                  <a:pt x="1612613" y="1583773"/>
                  <a:pt x="1582491" y="1716293"/>
                </a:cubicBezTo>
                <a:cubicBezTo>
                  <a:pt x="1580454" y="1725287"/>
                  <a:pt x="1572494" y="1731694"/>
                  <a:pt x="1563274" y="1731694"/>
                </a:cubicBezTo>
                <a:lnTo>
                  <a:pt x="19722" y="1731014"/>
                </a:lnTo>
                <a:close/>
              </a:path>
            </a:pathLst>
          </a:custGeom>
          <a:solidFill>
            <a:schemeClr val="bg1"/>
          </a:solidFill>
          <a:ln w="3235" cap="flat">
            <a:solidFill>
              <a:srgbClr val="A65AF9"/>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58" name="Content Placeholder 20">
            <a:extLst>
              <a:ext uri="{FF2B5EF4-FFF2-40B4-BE49-F238E27FC236}">
                <a16:creationId xmlns:a16="http://schemas.microsoft.com/office/drawing/2014/main" id="{26B23A80-711B-9D2F-D3A9-4DFDD22A3921}"/>
              </a:ext>
            </a:extLst>
          </p:cNvPr>
          <p:cNvSpPr>
            <a:spLocks noGrp="1"/>
          </p:cNvSpPr>
          <p:nvPr>
            <p:ph idx="1"/>
          </p:nvPr>
        </p:nvSpPr>
        <p:spPr>
          <a:xfrm>
            <a:off x="446939" y="1719364"/>
            <a:ext cx="9758945" cy="336448"/>
          </a:xfrm>
        </p:spPr>
        <p:txBody>
          <a:bodyPr>
            <a:noAutofit/>
          </a:bodyPr>
          <a:lstStyle/>
          <a:p>
            <a:pPr marL="0" indent="0">
              <a:lnSpc>
                <a:spcPct val="100000"/>
              </a:lnSpc>
              <a:buNone/>
            </a:pPr>
            <a:r>
              <a:rPr lang="en-US" sz="1400" dirty="0">
                <a:ea typeface="Roboto SemiBold" panose="02000000000000000000" pitchFamily="2" charset="0"/>
              </a:rPr>
              <a:t>Create templates and seamlessly use it with an </a:t>
            </a:r>
            <a:r>
              <a:rPr lang="en-US" sz="1400" b="1" dirty="0">
                <a:ea typeface="Roboto SemiBold" panose="02000000000000000000" pitchFamily="2" charset="0"/>
              </a:rPr>
              <a:t>automated process </a:t>
            </a:r>
            <a:r>
              <a:rPr lang="en-US" sz="1400" dirty="0">
                <a:ea typeface="Roboto SemiBold" panose="02000000000000000000" pitchFamily="2" charset="0"/>
              </a:rPr>
              <a:t>developed in-house for course authoring</a:t>
            </a:r>
          </a:p>
        </p:txBody>
      </p:sp>
      <p:sp>
        <p:nvSpPr>
          <p:cNvPr id="59" name="Content Placeholder 20">
            <a:extLst>
              <a:ext uri="{FF2B5EF4-FFF2-40B4-BE49-F238E27FC236}">
                <a16:creationId xmlns:a16="http://schemas.microsoft.com/office/drawing/2014/main" id="{6E16BFFD-C468-5576-FD02-2909B0F1CE16}"/>
              </a:ext>
            </a:extLst>
          </p:cNvPr>
          <p:cNvSpPr txBox="1">
            <a:spLocks/>
          </p:cNvSpPr>
          <p:nvPr/>
        </p:nvSpPr>
        <p:spPr>
          <a:xfrm>
            <a:off x="446939" y="2314251"/>
            <a:ext cx="11461845" cy="61207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l" defTabSz="914400" rtl="0" eaLnBrk="1" fontAlgn="auto" latinLnBrk="0" hangingPunct="1">
              <a:lnSpc>
                <a:spcPct val="100000"/>
              </a:lnSpc>
              <a:spcBef>
                <a:spcPts val="1000"/>
              </a:spcBef>
              <a:spcAft>
                <a:spcPts val="0"/>
              </a:spcAft>
              <a:buClr>
                <a:srgbClr val="BE3455"/>
              </a:buClr>
              <a:buSzTx/>
              <a:buFont typeface="Arial" panose="020B0604020202020204" pitchFamily="34" charset="0"/>
              <a:buNone/>
              <a:tabLst/>
              <a:defRPr/>
            </a:pPr>
            <a:r>
              <a:rPr kumimoji="0" lang="en-US" sz="1400" b="1"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Key Features:</a:t>
            </a:r>
            <a:endParaRPr kumimoji="0" lang="en-IN" sz="1400" b="1"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endParaRPr>
          </a:p>
        </p:txBody>
      </p:sp>
      <p:sp>
        <p:nvSpPr>
          <p:cNvPr id="60" name="TextBox 59">
            <a:extLst>
              <a:ext uri="{FF2B5EF4-FFF2-40B4-BE49-F238E27FC236}">
                <a16:creationId xmlns:a16="http://schemas.microsoft.com/office/drawing/2014/main" id="{B19C783F-8B43-FEEB-A39A-33E7C676F829}"/>
              </a:ext>
            </a:extLst>
          </p:cNvPr>
          <p:cNvSpPr txBox="1"/>
          <p:nvPr/>
        </p:nvSpPr>
        <p:spPr>
          <a:xfrm>
            <a:off x="904720" y="3495078"/>
            <a:ext cx="2374157" cy="492443"/>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mn-cs"/>
              </a:rPr>
              <a:t>Audio and video synchronization</a:t>
            </a:r>
          </a:p>
        </p:txBody>
      </p:sp>
      <p:sp>
        <p:nvSpPr>
          <p:cNvPr id="61" name="TextBox 60">
            <a:extLst>
              <a:ext uri="{FF2B5EF4-FFF2-40B4-BE49-F238E27FC236}">
                <a16:creationId xmlns:a16="http://schemas.microsoft.com/office/drawing/2014/main" id="{ACE9C165-D67C-8623-DB9C-D807B2B266F5}"/>
              </a:ext>
            </a:extLst>
          </p:cNvPr>
          <p:cNvSpPr txBox="1"/>
          <p:nvPr/>
        </p:nvSpPr>
        <p:spPr>
          <a:xfrm>
            <a:off x="2787579" y="2495610"/>
            <a:ext cx="1309373" cy="492443"/>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mn-cs"/>
              </a:rPr>
              <a:t>Dynamic branching</a:t>
            </a:r>
          </a:p>
        </p:txBody>
      </p:sp>
      <p:sp>
        <p:nvSpPr>
          <p:cNvPr id="62" name="TextBox 61">
            <a:extLst>
              <a:ext uri="{FF2B5EF4-FFF2-40B4-BE49-F238E27FC236}">
                <a16:creationId xmlns:a16="http://schemas.microsoft.com/office/drawing/2014/main" id="{4CE0814E-57DA-2EDA-E937-D388C25437CD}"/>
              </a:ext>
            </a:extLst>
          </p:cNvPr>
          <p:cNvSpPr txBox="1"/>
          <p:nvPr/>
        </p:nvSpPr>
        <p:spPr>
          <a:xfrm>
            <a:off x="4148948" y="3391563"/>
            <a:ext cx="1256065" cy="492443"/>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mn-cs"/>
              </a:rPr>
              <a:t>Custom navigation</a:t>
            </a:r>
          </a:p>
        </p:txBody>
      </p:sp>
      <p:sp>
        <p:nvSpPr>
          <p:cNvPr id="63" name="TextBox 62">
            <a:extLst>
              <a:ext uri="{FF2B5EF4-FFF2-40B4-BE49-F238E27FC236}">
                <a16:creationId xmlns:a16="http://schemas.microsoft.com/office/drawing/2014/main" id="{D4944301-F81D-7C38-43D7-FEEC5EF82FE9}"/>
              </a:ext>
            </a:extLst>
          </p:cNvPr>
          <p:cNvSpPr txBox="1"/>
          <p:nvPr/>
        </p:nvSpPr>
        <p:spPr>
          <a:xfrm>
            <a:off x="5156436" y="5891831"/>
            <a:ext cx="1411529" cy="292388"/>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mn-cs"/>
              </a:rPr>
              <a:t>Data collection</a:t>
            </a:r>
          </a:p>
        </p:txBody>
      </p:sp>
      <p:sp>
        <p:nvSpPr>
          <p:cNvPr id="64" name="TextBox 63">
            <a:extLst>
              <a:ext uri="{FF2B5EF4-FFF2-40B4-BE49-F238E27FC236}">
                <a16:creationId xmlns:a16="http://schemas.microsoft.com/office/drawing/2014/main" id="{B61CDE4F-AC00-BBFC-A765-3F6338ABCF90}"/>
              </a:ext>
            </a:extLst>
          </p:cNvPr>
          <p:cNvSpPr txBox="1"/>
          <p:nvPr/>
        </p:nvSpPr>
        <p:spPr>
          <a:xfrm>
            <a:off x="3966890" y="4816578"/>
            <a:ext cx="1091847" cy="492443"/>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mn-cs"/>
              </a:rPr>
              <a:t>Progress tracking</a:t>
            </a:r>
          </a:p>
        </p:txBody>
      </p:sp>
      <p:sp>
        <p:nvSpPr>
          <p:cNvPr id="65" name="TextBox 64">
            <a:extLst>
              <a:ext uri="{FF2B5EF4-FFF2-40B4-BE49-F238E27FC236}">
                <a16:creationId xmlns:a16="http://schemas.microsoft.com/office/drawing/2014/main" id="{DFC6B1EE-2B84-DD7F-9705-580BFE332C09}"/>
              </a:ext>
            </a:extLst>
          </p:cNvPr>
          <p:cNvSpPr txBox="1"/>
          <p:nvPr/>
        </p:nvSpPr>
        <p:spPr>
          <a:xfrm>
            <a:off x="7488387" y="2266537"/>
            <a:ext cx="1585251" cy="1092607"/>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mn-cs"/>
              </a:rPr>
              <a:t>Automated content population within the Storyline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mn-cs"/>
              </a:rPr>
              <a:t>structure</a:t>
            </a:r>
          </a:p>
        </p:txBody>
      </p:sp>
      <p:sp>
        <p:nvSpPr>
          <p:cNvPr id="66" name="TextBox 65">
            <a:extLst>
              <a:ext uri="{FF2B5EF4-FFF2-40B4-BE49-F238E27FC236}">
                <a16:creationId xmlns:a16="http://schemas.microsoft.com/office/drawing/2014/main" id="{9EB7F314-91FB-920A-5AE1-C8679D5E9108}"/>
              </a:ext>
            </a:extLst>
          </p:cNvPr>
          <p:cNvSpPr txBox="1"/>
          <p:nvPr/>
        </p:nvSpPr>
        <p:spPr>
          <a:xfrm>
            <a:off x="6361662" y="4637813"/>
            <a:ext cx="1762372" cy="892552"/>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mn-cs"/>
              </a:rPr>
              <a:t>Macros to automate Storyline course structure based on storyboards</a:t>
            </a:r>
          </a:p>
        </p:txBody>
      </p:sp>
      <p:sp>
        <p:nvSpPr>
          <p:cNvPr id="67" name="TextBox 66">
            <a:extLst>
              <a:ext uri="{FF2B5EF4-FFF2-40B4-BE49-F238E27FC236}">
                <a16:creationId xmlns:a16="http://schemas.microsoft.com/office/drawing/2014/main" id="{F7E4D423-E193-D7C6-E9A7-01186807E615}"/>
              </a:ext>
            </a:extLst>
          </p:cNvPr>
          <p:cNvSpPr txBox="1"/>
          <p:nvPr/>
        </p:nvSpPr>
        <p:spPr>
          <a:xfrm>
            <a:off x="6053072" y="3384746"/>
            <a:ext cx="1762372" cy="692497"/>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mn-cs"/>
              </a:rPr>
              <a:t>Word and PowerPoint based storyboarding</a:t>
            </a:r>
          </a:p>
        </p:txBody>
      </p:sp>
      <p:sp>
        <p:nvSpPr>
          <p:cNvPr id="68" name="TextBox 67">
            <a:extLst>
              <a:ext uri="{FF2B5EF4-FFF2-40B4-BE49-F238E27FC236}">
                <a16:creationId xmlns:a16="http://schemas.microsoft.com/office/drawing/2014/main" id="{1EE94FD4-847E-3F1F-2794-0728CF8EF138}"/>
              </a:ext>
            </a:extLst>
          </p:cNvPr>
          <p:cNvSpPr txBox="1"/>
          <p:nvPr/>
        </p:nvSpPr>
        <p:spPr>
          <a:xfrm>
            <a:off x="8850082" y="3218882"/>
            <a:ext cx="1543108" cy="1092607"/>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mn-cs"/>
              </a:rPr>
              <a:t>Conditional formatting and randomization of quizzes</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300" b="0"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mn-cs"/>
            </a:endParaRPr>
          </a:p>
        </p:txBody>
      </p:sp>
    </p:spTree>
    <p:extLst>
      <p:ext uri="{BB962C8B-B14F-4D97-AF65-F5344CB8AC3E}">
        <p14:creationId xmlns:p14="http://schemas.microsoft.com/office/powerpoint/2010/main" val="2399017457"/>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90411B4-C116-1CB7-85B9-373FC6538AAA}"/>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9CF11E3B-78F4-9FA8-EC7F-796272486683}"/>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600CC9EC-1B6D-693A-5C39-4A5A99667AB7}"/>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white"/>
              </a:solidFill>
              <a:effectLst/>
              <a:uLnTx/>
              <a:uFillTx/>
              <a:latin typeface="Roboto SemiBold" panose="02000000000000000000" pitchFamily="2" charset="0"/>
              <a:ea typeface="Roboto SemiBold" panose="02000000000000000000" pitchFamily="2" charset="0"/>
              <a:cs typeface="+mn-cs"/>
            </a:endParaRPr>
          </a:p>
        </p:txBody>
      </p:sp>
      <p:sp>
        <p:nvSpPr>
          <p:cNvPr id="16" name="Title 15">
            <a:extLst>
              <a:ext uri="{FF2B5EF4-FFF2-40B4-BE49-F238E27FC236}">
                <a16:creationId xmlns:a16="http://schemas.microsoft.com/office/drawing/2014/main" id="{0560BE20-376D-621B-9F8A-610686B8F384}"/>
              </a:ext>
            </a:extLst>
          </p:cNvPr>
          <p:cNvSpPr>
            <a:spLocks noGrp="1"/>
          </p:cNvSpPr>
          <p:nvPr>
            <p:ph type="title"/>
          </p:nvPr>
        </p:nvSpPr>
        <p:spPr/>
        <p:txBody>
          <a:bodyPr>
            <a:normAutofit/>
          </a:bodyPr>
          <a:lstStyle/>
          <a:p>
            <a:r>
              <a:rPr lang="en-IN" dirty="0">
                <a:solidFill>
                  <a:schemeClr val="bg1"/>
                </a:solidFill>
                <a:ea typeface="Roboto SemiBold" panose="02000000000000000000" pitchFamily="2" charset="0"/>
              </a:rPr>
              <a:t>Automation with </a:t>
            </a:r>
            <a:r>
              <a:rPr lang="en-IN" b="1" dirty="0">
                <a:solidFill>
                  <a:schemeClr val="bg1"/>
                </a:solidFill>
                <a:ea typeface="Roboto SemiBold" panose="02000000000000000000" pitchFamily="2" charset="0"/>
              </a:rPr>
              <a:t>Storyline</a:t>
            </a:r>
            <a:r>
              <a:rPr lang="en-IN" dirty="0">
                <a:solidFill>
                  <a:schemeClr val="bg1"/>
                </a:solidFill>
                <a:ea typeface="Roboto SemiBold" panose="02000000000000000000" pitchFamily="2" charset="0"/>
              </a:rPr>
              <a:t>: Sample</a:t>
            </a:r>
            <a:endParaRPr lang="en-US" dirty="0">
              <a:solidFill>
                <a:schemeClr val="bg1"/>
              </a:solidFill>
              <a:ea typeface="Roboto SemiBold" panose="02000000000000000000" pitchFamily="2" charset="0"/>
            </a:endParaRPr>
          </a:p>
        </p:txBody>
      </p:sp>
      <p:sp>
        <p:nvSpPr>
          <p:cNvPr id="4" name="Content Placeholder 20">
            <a:extLst>
              <a:ext uri="{FF2B5EF4-FFF2-40B4-BE49-F238E27FC236}">
                <a16:creationId xmlns:a16="http://schemas.microsoft.com/office/drawing/2014/main" id="{B3901AC9-5540-A0FF-0404-54706E9BFB42}"/>
              </a:ext>
            </a:extLst>
          </p:cNvPr>
          <p:cNvSpPr txBox="1">
            <a:spLocks/>
          </p:cNvSpPr>
          <p:nvPr/>
        </p:nvSpPr>
        <p:spPr>
          <a:xfrm>
            <a:off x="6483495" y="1977551"/>
            <a:ext cx="5437689" cy="3003047"/>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228600" marR="0" lvl="0" indent="-228600" algn="l" defTabSz="914400" rtl="0" eaLnBrk="1" fontAlgn="base" latinLnBrk="0" hangingPunct="1">
              <a:lnSpc>
                <a:spcPct val="90000"/>
              </a:lnSpc>
              <a:spcBef>
                <a:spcPts val="1000"/>
              </a:spcBef>
              <a:spcAft>
                <a:spcPct val="0"/>
              </a:spcAft>
              <a:buClr>
                <a:srgbClr val="BE3455"/>
              </a:buClr>
              <a:buSzTx/>
              <a:buFont typeface="Arial" panose="020B0604020202020204" pitchFamily="34" charset="0"/>
              <a:buChar char="•"/>
              <a:tabLst/>
              <a:defRPr/>
            </a:pPr>
            <a:endParaRPr kumimoji="0" lang="en-US" altLang="en-US" sz="14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endParaRPr>
          </a:p>
          <a:p>
            <a:pPr marL="228600" marR="0" lvl="0" indent="-228600" algn="l" defTabSz="914400" rtl="0" eaLnBrk="1" fontAlgn="base" latinLnBrk="0" hangingPunct="1">
              <a:lnSpc>
                <a:spcPct val="90000"/>
              </a:lnSpc>
              <a:spcBef>
                <a:spcPts val="1000"/>
              </a:spcBef>
              <a:spcAft>
                <a:spcPct val="0"/>
              </a:spcAft>
              <a:buClr>
                <a:srgbClr val="BE3455"/>
              </a:buClr>
              <a:buSzTx/>
              <a:buFont typeface="Arial" panose="020B0604020202020204" pitchFamily="34" charset="0"/>
              <a:buChar char="•"/>
              <a:tabLst/>
              <a:defRPr/>
            </a:pPr>
            <a:r>
              <a:rPr kumimoji="0" lang="en-US" altLang="en-US" sz="14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AI support in Storyline for real-time content and adaptive design </a:t>
            </a:r>
          </a:p>
          <a:p>
            <a:pPr marL="228600" marR="0" lvl="0" indent="-228600" algn="l" defTabSz="914400" rtl="0" eaLnBrk="1" fontAlgn="base" latinLnBrk="0" hangingPunct="1">
              <a:lnSpc>
                <a:spcPct val="90000"/>
              </a:lnSpc>
              <a:spcBef>
                <a:spcPts val="1000"/>
              </a:spcBef>
              <a:spcAft>
                <a:spcPct val="0"/>
              </a:spcAft>
              <a:buClr>
                <a:srgbClr val="BE3455"/>
              </a:buClr>
              <a:buSzTx/>
              <a:buFont typeface="Arial" panose="020B0604020202020204" pitchFamily="34" charset="0"/>
              <a:buChar char="•"/>
              <a:tabLst/>
              <a:defRPr/>
            </a:pPr>
            <a:r>
              <a:rPr kumimoji="0" lang="en-US" altLang="en-US" sz="14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Microlearning for just-in-time learning </a:t>
            </a:r>
          </a:p>
          <a:p>
            <a:pPr marL="228600" marR="0" lvl="0" indent="-228600" algn="l" defTabSz="914400" rtl="0" eaLnBrk="1" fontAlgn="base" latinLnBrk="0" hangingPunct="1">
              <a:lnSpc>
                <a:spcPct val="90000"/>
              </a:lnSpc>
              <a:spcBef>
                <a:spcPts val="1000"/>
              </a:spcBef>
              <a:spcAft>
                <a:spcPct val="0"/>
              </a:spcAft>
              <a:buClr>
                <a:srgbClr val="BE3455"/>
              </a:buClr>
              <a:buSzTx/>
              <a:buFont typeface="Arial" panose="020B0604020202020204" pitchFamily="34" charset="0"/>
              <a:buChar char="•"/>
              <a:tabLst/>
              <a:defRPr/>
            </a:pPr>
            <a:r>
              <a:rPr kumimoji="0" lang="en-US" altLang="en-US" sz="14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Multilingual voiceover and subtitles (English, Spanish, French) </a:t>
            </a:r>
          </a:p>
          <a:p>
            <a:pPr marL="228600" marR="0" lvl="0" indent="-228600" algn="l" defTabSz="914400" rtl="0" eaLnBrk="1" fontAlgn="base" latinLnBrk="0" hangingPunct="1">
              <a:lnSpc>
                <a:spcPct val="90000"/>
              </a:lnSpc>
              <a:spcBef>
                <a:spcPts val="1000"/>
              </a:spcBef>
              <a:spcAft>
                <a:spcPct val="0"/>
              </a:spcAft>
              <a:buClr>
                <a:srgbClr val="BE3455"/>
              </a:buClr>
              <a:buSzTx/>
              <a:buFont typeface="Arial" panose="020B0604020202020204" pitchFamily="34" charset="0"/>
              <a:buChar char="•"/>
              <a:tabLst/>
              <a:defRPr/>
            </a:pPr>
            <a:r>
              <a:rPr kumimoji="0" lang="en-US" altLang="en-US" sz="14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Infographics and explainer videos for concept reinforcement </a:t>
            </a:r>
          </a:p>
          <a:p>
            <a:pPr marL="228600" marR="0" lvl="0" indent="-228600" algn="l" defTabSz="914400" rtl="0" eaLnBrk="1" fontAlgn="base" latinLnBrk="0" hangingPunct="1">
              <a:lnSpc>
                <a:spcPct val="90000"/>
              </a:lnSpc>
              <a:spcBef>
                <a:spcPts val="1000"/>
              </a:spcBef>
              <a:spcAft>
                <a:spcPct val="0"/>
              </a:spcAft>
              <a:buClr>
                <a:srgbClr val="BE3455"/>
              </a:buClr>
              <a:buSzTx/>
              <a:buFont typeface="Arial" panose="020B0604020202020204" pitchFamily="34" charset="0"/>
              <a:buChar char="•"/>
              <a:tabLst/>
              <a:defRPr/>
            </a:pPr>
            <a:r>
              <a:rPr kumimoji="0" lang="en-US" altLang="en-US" sz="14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Reflection and self-assessment tools to evaluate time management habits</a:t>
            </a:r>
          </a:p>
        </p:txBody>
      </p:sp>
      <p:sp>
        <p:nvSpPr>
          <p:cNvPr id="6" name="TextBox 5">
            <a:extLst>
              <a:ext uri="{FF2B5EF4-FFF2-40B4-BE49-F238E27FC236}">
                <a16:creationId xmlns:a16="http://schemas.microsoft.com/office/drawing/2014/main" id="{091B4DE0-D5F7-0EC7-6805-267F89452F95}"/>
              </a:ext>
            </a:extLst>
          </p:cNvPr>
          <p:cNvSpPr txBox="1"/>
          <p:nvPr/>
        </p:nvSpPr>
        <p:spPr>
          <a:xfrm>
            <a:off x="6483495" y="1823663"/>
            <a:ext cx="6103620" cy="307777"/>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dirty="0">
                <a:ln>
                  <a:noFill/>
                </a:ln>
                <a:solidFill>
                  <a:prstClr val="black"/>
                </a:solidFill>
                <a:effectLst/>
                <a:uLnTx/>
                <a:uFillTx/>
                <a:latin typeface="Roboto SemiBold" panose="02000000000000000000" pitchFamily="2" charset="0"/>
                <a:ea typeface="Roboto SemiBold" panose="02000000000000000000" pitchFamily="2" charset="0"/>
                <a:cs typeface="Roboto" panose="02000000000000000000" pitchFamily="2" charset="0"/>
              </a:rPr>
              <a:t>AI-Enhanced Time Management Learning Experience</a:t>
            </a:r>
          </a:p>
        </p:txBody>
      </p:sp>
      <p:pic>
        <p:nvPicPr>
          <p:cNvPr id="5" name="Picture 4" descr="Training - Yukon Learning">
            <a:extLst>
              <a:ext uri="{FF2B5EF4-FFF2-40B4-BE49-F238E27FC236}">
                <a16:creationId xmlns:a16="http://schemas.microsoft.com/office/drawing/2014/main" id="{FB9F8533-191F-843D-5C26-D51A1E6F2DAA}"/>
              </a:ext>
            </a:extLst>
          </p:cNvPr>
          <p:cNvPicPr>
            <a:picLocks noChangeAspect="1"/>
          </p:cNvPicPr>
          <p:nvPr/>
        </p:nvPicPr>
        <p:blipFill>
          <a:blip r:embed="rId4"/>
          <a:srcRect l="1141" t="1756" r="1755" b="1140"/>
          <a:stretch>
            <a:fillRect/>
          </a:stretch>
        </p:blipFill>
        <p:spPr>
          <a:xfrm>
            <a:off x="10970895" y="309353"/>
            <a:ext cx="710566" cy="724347"/>
          </a:xfrm>
          <a:prstGeom prst="ellipse">
            <a:avLst/>
          </a:prstGeom>
        </p:spPr>
      </p:pic>
      <p:sp>
        <p:nvSpPr>
          <p:cNvPr id="15" name="Rectangle: Top Corners Rounded 14">
            <a:hlinkClick r:id="rId5"/>
            <a:extLst>
              <a:ext uri="{FF2B5EF4-FFF2-40B4-BE49-F238E27FC236}">
                <a16:creationId xmlns:a16="http://schemas.microsoft.com/office/drawing/2014/main" id="{B2CE4D7C-4F91-B5BC-DE42-D60048ED908D}"/>
              </a:ext>
            </a:extLst>
          </p:cNvPr>
          <p:cNvSpPr/>
          <p:nvPr/>
        </p:nvSpPr>
        <p:spPr>
          <a:xfrm>
            <a:off x="446939" y="4802142"/>
            <a:ext cx="1191298" cy="356911"/>
          </a:xfrm>
          <a:prstGeom prst="round2SameRect">
            <a:avLst>
              <a:gd name="adj1" fmla="val 38710"/>
              <a:gd name="adj2" fmla="val 32258"/>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marL="0" marR="0" lvl="0" indent="0" algn="ctr" defTabSz="914400" rtl="0" eaLnBrk="1" fontAlgn="t" latinLnBrk="0" hangingPunct="1">
              <a:lnSpc>
                <a:spcPct val="100000"/>
              </a:lnSpc>
              <a:spcBef>
                <a:spcPts val="600"/>
              </a:spcBef>
              <a:spcAft>
                <a:spcPts val="600"/>
              </a:spcAft>
              <a:buClrTx/>
              <a:buSzTx/>
              <a:buFontTx/>
              <a:buNone/>
              <a:tabLst/>
              <a:defRPr/>
            </a:pPr>
            <a:r>
              <a:rPr kumimoji="0" lang="en-US" sz="1200" b="0" i="0" u="sng" strike="noStrike" kern="1200" cap="none" spc="0" normalizeH="0" baseline="0" noProof="0" dirty="0">
                <a:ln>
                  <a:noFill/>
                </a:ln>
                <a:solidFill>
                  <a:prstClr val="white"/>
                </a:solidFill>
                <a:effectLst/>
                <a:uLnTx/>
                <a:uFillTx/>
                <a:latin typeface="Roboto SemiBold" panose="02000000000000000000" pitchFamily="2" charset="0"/>
                <a:ea typeface="Roboto SemiBold" panose="02000000000000000000" pitchFamily="2" charset="0"/>
                <a:cs typeface="+mn-cs"/>
              </a:rPr>
              <a:t>View demo</a:t>
            </a:r>
          </a:p>
        </p:txBody>
      </p:sp>
      <p:pic>
        <p:nvPicPr>
          <p:cNvPr id="17" name="Picture 16">
            <a:extLst>
              <a:ext uri="{FF2B5EF4-FFF2-40B4-BE49-F238E27FC236}">
                <a16:creationId xmlns:a16="http://schemas.microsoft.com/office/drawing/2014/main" id="{70275AB3-DA05-FB71-4BD7-34558B0C232F}"/>
              </a:ext>
            </a:extLst>
          </p:cNvPr>
          <p:cNvPicPr>
            <a:picLocks noChangeAspect="1"/>
          </p:cNvPicPr>
          <p:nvPr/>
        </p:nvPicPr>
        <p:blipFill>
          <a:blip r:embed="rId6"/>
          <a:stretch>
            <a:fillRect/>
          </a:stretch>
        </p:blipFill>
        <p:spPr>
          <a:xfrm>
            <a:off x="446939" y="1823663"/>
            <a:ext cx="5830079" cy="2821569"/>
          </a:xfrm>
          <a:prstGeom prst="roundRect">
            <a:avLst>
              <a:gd name="adj" fmla="val 3801"/>
            </a:avLst>
          </a:prstGeom>
          <a:ln>
            <a:solidFill>
              <a:schemeClr val="bg1">
                <a:lumMod val="50000"/>
              </a:schemeClr>
            </a:solidFill>
            <a:prstDash val="sysDash"/>
          </a:ln>
          <a:effectLst/>
        </p:spPr>
      </p:pic>
    </p:spTree>
    <p:extLst>
      <p:ext uri="{BB962C8B-B14F-4D97-AF65-F5344CB8AC3E}">
        <p14:creationId xmlns:p14="http://schemas.microsoft.com/office/powerpoint/2010/main" val="4030033501"/>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34AFAEA-210F-1ADE-8F42-7F9D0304EB56}"/>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316166DC-5166-F88F-813A-4676D9588021}"/>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7F6F2B02-94C6-42D3-F19D-880AB13E1A38}"/>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dirty="0">
              <a:ln>
                <a:noFill/>
              </a:ln>
              <a:solidFill>
                <a:prstClr val="white"/>
              </a:solidFill>
              <a:effectLst/>
              <a:uLnTx/>
              <a:uFillTx/>
              <a:latin typeface="Roboto SemiBold" panose="02000000000000000000" pitchFamily="2" charset="0"/>
              <a:ea typeface="+mn-ea"/>
              <a:cs typeface="+mn-cs"/>
            </a:endParaRPr>
          </a:p>
        </p:txBody>
      </p:sp>
      <p:sp>
        <p:nvSpPr>
          <p:cNvPr id="16" name="Title 15">
            <a:extLst>
              <a:ext uri="{FF2B5EF4-FFF2-40B4-BE49-F238E27FC236}">
                <a16:creationId xmlns:a16="http://schemas.microsoft.com/office/drawing/2014/main" id="{67ED536C-9D98-75D1-F542-14A67774358C}"/>
              </a:ext>
            </a:extLst>
          </p:cNvPr>
          <p:cNvSpPr>
            <a:spLocks noGrp="1"/>
          </p:cNvSpPr>
          <p:nvPr>
            <p:ph type="title"/>
          </p:nvPr>
        </p:nvSpPr>
        <p:spPr/>
        <p:txBody>
          <a:bodyPr>
            <a:normAutofit/>
          </a:bodyPr>
          <a:lstStyle/>
          <a:p>
            <a:r>
              <a:rPr lang="en-US" dirty="0">
                <a:solidFill>
                  <a:schemeClr val="bg1"/>
                </a:solidFill>
                <a:ea typeface="Roboto SemiBold" panose="02000000000000000000" pitchFamily="2" charset="0"/>
              </a:rPr>
              <a:t>Using </a:t>
            </a:r>
            <a:r>
              <a:rPr lang="en-US" b="1" dirty="0">
                <a:solidFill>
                  <a:schemeClr val="bg1"/>
                </a:solidFill>
                <a:ea typeface="Roboto SemiBold" panose="02000000000000000000" pitchFamily="2" charset="0"/>
              </a:rPr>
              <a:t>Articulate</a:t>
            </a:r>
            <a:r>
              <a:rPr lang="en-US" dirty="0">
                <a:solidFill>
                  <a:schemeClr val="bg1"/>
                </a:solidFill>
                <a:ea typeface="Roboto SemiBold" panose="02000000000000000000" pitchFamily="2" charset="0"/>
              </a:rPr>
              <a:t> </a:t>
            </a:r>
            <a:r>
              <a:rPr lang="en-US" b="1" dirty="0">
                <a:solidFill>
                  <a:schemeClr val="bg1"/>
                </a:solidFill>
                <a:ea typeface="Roboto SemiBold" panose="02000000000000000000" pitchFamily="2" charset="0"/>
              </a:rPr>
              <a:t>Rise </a:t>
            </a:r>
            <a:r>
              <a:rPr lang="en-US" dirty="0">
                <a:solidFill>
                  <a:schemeClr val="bg1"/>
                </a:solidFill>
                <a:ea typeface="Roboto SemiBold" panose="02000000000000000000" pitchFamily="2" charset="0"/>
              </a:rPr>
              <a:t>AI Features</a:t>
            </a:r>
            <a:endParaRPr lang="en-IN" dirty="0">
              <a:solidFill>
                <a:schemeClr val="bg1"/>
              </a:solidFill>
              <a:ea typeface="Roboto SemiBold" panose="02000000000000000000" pitchFamily="2" charset="0"/>
            </a:endParaRPr>
          </a:p>
        </p:txBody>
      </p:sp>
      <p:sp>
        <p:nvSpPr>
          <p:cNvPr id="5" name="Content Placeholder 20">
            <a:extLst>
              <a:ext uri="{FF2B5EF4-FFF2-40B4-BE49-F238E27FC236}">
                <a16:creationId xmlns:a16="http://schemas.microsoft.com/office/drawing/2014/main" id="{12CE42DC-7CB5-C7D0-5C65-BF986509CC02}"/>
              </a:ext>
            </a:extLst>
          </p:cNvPr>
          <p:cNvSpPr txBox="1">
            <a:spLocks/>
          </p:cNvSpPr>
          <p:nvPr/>
        </p:nvSpPr>
        <p:spPr>
          <a:xfrm>
            <a:off x="446939" y="1450692"/>
            <a:ext cx="11461845" cy="294276"/>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Clr>
                <a:srgbClr val="BE3455"/>
              </a:buClr>
              <a:buFont typeface="Arial" panose="020B0604020202020204" pitchFamily="34" charset="0"/>
              <a:buChar char="•"/>
              <a:defRPr sz="2400" kern="1200">
                <a:solidFill>
                  <a:schemeClr val="tx1">
                    <a:lumMod val="85000"/>
                    <a:lumOff val="15000"/>
                  </a:schemeClr>
                </a:solidFill>
                <a:latin typeface="Raleway" panose="020B0003030101060003" pitchFamily="34" charset="0"/>
                <a:ea typeface="+mn-ea"/>
                <a:cs typeface="+mn-cs"/>
              </a:defRPr>
            </a:lvl1pPr>
            <a:lvl2pPr marL="685800" indent="-228600" algn="l" defTabSz="914400" rtl="0" eaLnBrk="1" latinLnBrk="0" hangingPunct="1">
              <a:lnSpc>
                <a:spcPct val="90000"/>
              </a:lnSpc>
              <a:spcBef>
                <a:spcPts val="500"/>
              </a:spcBef>
              <a:buClr>
                <a:srgbClr val="BE3455"/>
              </a:buClr>
              <a:buFont typeface="Arial" panose="020B0604020202020204" pitchFamily="34" charset="0"/>
              <a:buChar char="•"/>
              <a:defRPr sz="2000" kern="1200">
                <a:solidFill>
                  <a:schemeClr val="tx1">
                    <a:lumMod val="85000"/>
                    <a:lumOff val="15000"/>
                  </a:schemeClr>
                </a:solidFill>
                <a:latin typeface="Raleway" panose="020B0003030101060003" pitchFamily="34" charset="0"/>
                <a:ea typeface="+mn-ea"/>
                <a:cs typeface="+mn-cs"/>
              </a:defRPr>
            </a:lvl2pPr>
            <a:lvl3pPr marL="1143000" indent="-228600" algn="l" defTabSz="914400" rtl="0" eaLnBrk="1" latinLnBrk="0" hangingPunct="1">
              <a:lnSpc>
                <a:spcPct val="90000"/>
              </a:lnSpc>
              <a:spcBef>
                <a:spcPts val="500"/>
              </a:spcBef>
              <a:buClr>
                <a:srgbClr val="BE3455"/>
              </a:buClr>
              <a:buFont typeface="Arial" panose="020B0604020202020204" pitchFamily="34" charset="0"/>
              <a:buChar char="•"/>
              <a:defRPr sz="1800" kern="1200">
                <a:solidFill>
                  <a:schemeClr val="tx1">
                    <a:lumMod val="85000"/>
                    <a:lumOff val="15000"/>
                  </a:schemeClr>
                </a:solidFill>
                <a:latin typeface="Raleway" panose="020B0003030101060003" pitchFamily="34" charset="0"/>
                <a:ea typeface="+mn-ea"/>
                <a:cs typeface="+mn-cs"/>
              </a:defRPr>
            </a:lvl3pPr>
            <a:lvl4pPr marL="16002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4pPr>
            <a:lvl5pPr marL="2057400" indent="-228600" algn="l" defTabSz="914400" rtl="0" eaLnBrk="1" latinLnBrk="0" hangingPunct="1">
              <a:lnSpc>
                <a:spcPct val="90000"/>
              </a:lnSpc>
              <a:spcBef>
                <a:spcPts val="500"/>
              </a:spcBef>
              <a:buClr>
                <a:srgbClr val="BE3455"/>
              </a:buClr>
              <a:buFont typeface="Arial" panose="020B0604020202020204" pitchFamily="34" charset="0"/>
              <a:buChar char="•"/>
              <a:defRPr sz="1600" kern="1200">
                <a:solidFill>
                  <a:schemeClr val="tx1">
                    <a:lumMod val="85000"/>
                    <a:lumOff val="15000"/>
                  </a:schemeClr>
                </a:solidFill>
                <a:latin typeface="Raleway" panose="020B0003030101060003"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l" defTabSz="914400" rtl="0" eaLnBrk="1" fontAlgn="auto" latinLnBrk="0" hangingPunct="1">
              <a:lnSpc>
                <a:spcPct val="100000"/>
              </a:lnSpc>
              <a:spcBef>
                <a:spcPts val="1000"/>
              </a:spcBef>
              <a:spcAft>
                <a:spcPts val="0"/>
              </a:spcAft>
              <a:buClr>
                <a:srgbClr val="BE3455"/>
              </a:buClr>
              <a:buSzTx/>
              <a:buFont typeface="Arial" panose="020B0604020202020204" pitchFamily="34" charset="0"/>
              <a:buNone/>
              <a:tabLst/>
              <a:defRPr/>
            </a:pPr>
            <a:r>
              <a:rPr kumimoji="0" lang="en-US" sz="1400" b="1"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To speed up course creation and structuring content automatically</a:t>
            </a:r>
          </a:p>
        </p:txBody>
      </p:sp>
      <p:sp>
        <p:nvSpPr>
          <p:cNvPr id="2" name="Rounded Rectangle 14">
            <a:extLst>
              <a:ext uri="{FF2B5EF4-FFF2-40B4-BE49-F238E27FC236}">
                <a16:creationId xmlns:a16="http://schemas.microsoft.com/office/drawing/2014/main" id="{2E73A29C-0ED3-D0B2-8B90-580A6808928F}"/>
              </a:ext>
            </a:extLst>
          </p:cNvPr>
          <p:cNvSpPr/>
          <p:nvPr/>
        </p:nvSpPr>
        <p:spPr>
          <a:xfrm>
            <a:off x="8102877" y="3319402"/>
            <a:ext cx="3364497" cy="2907488"/>
          </a:xfrm>
          <a:prstGeom prst="roundRect">
            <a:avLst>
              <a:gd name="adj" fmla="val 3835"/>
            </a:avLst>
          </a:prstGeom>
          <a:noFill/>
          <a:ln w="9525">
            <a:solidFill>
              <a:srgbClr val="00B0F0"/>
            </a:soli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Roboto SemiBold" panose="02000000000000000000" pitchFamily="2" charset="0"/>
              <a:ea typeface="+mn-ea"/>
              <a:cs typeface="+mn-cs"/>
            </a:endParaRPr>
          </a:p>
        </p:txBody>
      </p:sp>
      <p:sp>
        <p:nvSpPr>
          <p:cNvPr id="3" name="Rounded Rectangle 14">
            <a:extLst>
              <a:ext uri="{FF2B5EF4-FFF2-40B4-BE49-F238E27FC236}">
                <a16:creationId xmlns:a16="http://schemas.microsoft.com/office/drawing/2014/main" id="{55BFD2A6-77B7-2067-651B-D8AB4257C2BF}"/>
              </a:ext>
            </a:extLst>
          </p:cNvPr>
          <p:cNvSpPr/>
          <p:nvPr/>
        </p:nvSpPr>
        <p:spPr>
          <a:xfrm>
            <a:off x="4329762" y="3319402"/>
            <a:ext cx="3415796" cy="2907488"/>
          </a:xfrm>
          <a:prstGeom prst="roundRect">
            <a:avLst>
              <a:gd name="adj" fmla="val 3835"/>
            </a:avLst>
          </a:prstGeom>
          <a:noFill/>
          <a:ln w="9525">
            <a:solidFill>
              <a:srgbClr val="00B0F0"/>
            </a:soli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Roboto SemiBold" panose="02000000000000000000" pitchFamily="2" charset="0"/>
              <a:ea typeface="+mn-ea"/>
              <a:cs typeface="+mn-cs"/>
            </a:endParaRPr>
          </a:p>
        </p:txBody>
      </p:sp>
      <p:sp>
        <p:nvSpPr>
          <p:cNvPr id="4" name="Rounded Rectangle 14">
            <a:extLst>
              <a:ext uri="{FF2B5EF4-FFF2-40B4-BE49-F238E27FC236}">
                <a16:creationId xmlns:a16="http://schemas.microsoft.com/office/drawing/2014/main" id="{EFA9E62F-40F4-8476-4CFA-A3FC09DB7BA9}"/>
              </a:ext>
            </a:extLst>
          </p:cNvPr>
          <p:cNvSpPr/>
          <p:nvPr/>
        </p:nvSpPr>
        <p:spPr>
          <a:xfrm>
            <a:off x="557185" y="3319402"/>
            <a:ext cx="3418942" cy="2907488"/>
          </a:xfrm>
          <a:prstGeom prst="roundRect">
            <a:avLst>
              <a:gd name="adj" fmla="val 3835"/>
            </a:avLst>
          </a:prstGeom>
          <a:noFill/>
          <a:ln w="9525">
            <a:solidFill>
              <a:srgbClr val="00B0F0"/>
            </a:soli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Roboto SemiBold" panose="02000000000000000000" pitchFamily="2" charset="0"/>
              <a:ea typeface="+mn-ea"/>
              <a:cs typeface="+mn-cs"/>
            </a:endParaRPr>
          </a:p>
        </p:txBody>
      </p:sp>
      <p:sp>
        <p:nvSpPr>
          <p:cNvPr id="7" name="Rectangle: Top Corners Rounded 6">
            <a:hlinkClick r:id="rId4"/>
            <a:extLst>
              <a:ext uri="{FF2B5EF4-FFF2-40B4-BE49-F238E27FC236}">
                <a16:creationId xmlns:a16="http://schemas.microsoft.com/office/drawing/2014/main" id="{A413DC27-A0E7-5D40-9EC6-C519824BFA3A}"/>
              </a:ext>
            </a:extLst>
          </p:cNvPr>
          <p:cNvSpPr/>
          <p:nvPr/>
        </p:nvSpPr>
        <p:spPr>
          <a:xfrm>
            <a:off x="2869758" y="5806040"/>
            <a:ext cx="995423" cy="304799"/>
          </a:xfrm>
          <a:prstGeom prst="round2SameRect">
            <a:avLst>
              <a:gd name="adj1" fmla="val 24108"/>
              <a:gd name="adj2" fmla="val 26133"/>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t" latinLnBrk="0" hangingPunct="1">
              <a:lnSpc>
                <a:spcPct val="100000"/>
              </a:lnSpc>
              <a:spcBef>
                <a:spcPts val="600"/>
              </a:spcBef>
              <a:spcAft>
                <a:spcPts val="600"/>
              </a:spcAft>
              <a:buClrTx/>
              <a:buSzTx/>
              <a:buFontTx/>
              <a:buNone/>
              <a:tabLst/>
              <a:defRPr/>
            </a:pPr>
            <a:r>
              <a:rPr kumimoji="0" lang="en-US" sz="1200" b="0" i="0" u="sng" strike="noStrike" kern="1200" cap="none" spc="0" normalizeH="0" baseline="0" noProof="0" dirty="0">
                <a:ln>
                  <a:noFill/>
                </a:ln>
                <a:solidFill>
                  <a:prstClr val="white"/>
                </a:solidFill>
                <a:effectLst/>
                <a:uLnTx/>
                <a:uFillTx/>
                <a:latin typeface="Roboto SemiBold" panose="02000000000000000000" pitchFamily="2" charset="0"/>
                <a:ea typeface="Roboto SemiBold" panose="02000000000000000000" pitchFamily="2" charset="0"/>
                <a:cs typeface="+mn-cs"/>
              </a:rPr>
              <a:t>Demo</a:t>
            </a:r>
          </a:p>
        </p:txBody>
      </p:sp>
      <p:sp>
        <p:nvSpPr>
          <p:cNvPr id="10" name="Rectangle: Top Corners Rounded 9">
            <a:hlinkClick r:id="rId5"/>
            <a:extLst>
              <a:ext uri="{FF2B5EF4-FFF2-40B4-BE49-F238E27FC236}">
                <a16:creationId xmlns:a16="http://schemas.microsoft.com/office/drawing/2014/main" id="{3E0CBE75-3DE5-4742-6705-1DBC2B086A54}"/>
              </a:ext>
            </a:extLst>
          </p:cNvPr>
          <p:cNvSpPr/>
          <p:nvPr/>
        </p:nvSpPr>
        <p:spPr>
          <a:xfrm>
            <a:off x="6629430" y="5806040"/>
            <a:ext cx="995423" cy="304799"/>
          </a:xfrm>
          <a:prstGeom prst="round2SameRect">
            <a:avLst>
              <a:gd name="adj1" fmla="val 24108"/>
              <a:gd name="adj2" fmla="val 26133"/>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t" latinLnBrk="0" hangingPunct="1">
              <a:lnSpc>
                <a:spcPct val="100000"/>
              </a:lnSpc>
              <a:spcBef>
                <a:spcPts val="600"/>
              </a:spcBef>
              <a:spcAft>
                <a:spcPts val="600"/>
              </a:spcAft>
              <a:buClrTx/>
              <a:buSzTx/>
              <a:buFontTx/>
              <a:buNone/>
              <a:tabLst/>
              <a:defRPr/>
            </a:pPr>
            <a:r>
              <a:rPr kumimoji="0" lang="en-US" sz="1200" b="0" i="0" u="sng" strike="noStrike" kern="1200" cap="none" spc="0" normalizeH="0" baseline="0" noProof="0" dirty="0">
                <a:ln>
                  <a:noFill/>
                </a:ln>
                <a:solidFill>
                  <a:prstClr val="white"/>
                </a:solidFill>
                <a:effectLst/>
                <a:uLnTx/>
                <a:uFillTx/>
                <a:latin typeface="Roboto SemiBold" panose="02000000000000000000" pitchFamily="2" charset="0"/>
                <a:ea typeface="Roboto SemiBold" panose="02000000000000000000" pitchFamily="2" charset="0"/>
                <a:cs typeface="+mn-cs"/>
              </a:rPr>
              <a:t>Demo</a:t>
            </a:r>
          </a:p>
        </p:txBody>
      </p:sp>
      <p:pic>
        <p:nvPicPr>
          <p:cNvPr id="11" name="Picture 10">
            <a:hlinkClick r:id="rId6"/>
            <a:extLst>
              <a:ext uri="{FF2B5EF4-FFF2-40B4-BE49-F238E27FC236}">
                <a16:creationId xmlns:a16="http://schemas.microsoft.com/office/drawing/2014/main" id="{3766D102-9128-3423-9C21-C676BA2D6116}"/>
              </a:ext>
            </a:extLst>
          </p:cNvPr>
          <p:cNvPicPr>
            <a:picLocks noChangeAspect="1"/>
          </p:cNvPicPr>
          <p:nvPr/>
        </p:nvPicPr>
        <p:blipFill>
          <a:blip r:embed="rId7"/>
          <a:srcRect l="50000" t="15651" r="10683" b="26584"/>
          <a:stretch>
            <a:fillRect/>
          </a:stretch>
        </p:blipFill>
        <p:spPr>
          <a:xfrm>
            <a:off x="8102877" y="1863972"/>
            <a:ext cx="3364497" cy="1817789"/>
          </a:xfrm>
          <a:prstGeom prst="roundRect">
            <a:avLst>
              <a:gd name="adj" fmla="val 2832"/>
            </a:avLst>
          </a:prstGeom>
          <a:solidFill>
            <a:schemeClr val="bg1"/>
          </a:solidFill>
          <a:ln w="9525">
            <a:solidFill>
              <a:srgbClr val="00B0F0"/>
            </a:solidFill>
          </a:ln>
          <a:effectLst/>
        </p:spPr>
      </p:pic>
      <p:sp>
        <p:nvSpPr>
          <p:cNvPr id="12" name="Rectangle: Top Corners Rounded 11">
            <a:hlinkClick r:id="rId6"/>
            <a:extLst>
              <a:ext uri="{FF2B5EF4-FFF2-40B4-BE49-F238E27FC236}">
                <a16:creationId xmlns:a16="http://schemas.microsoft.com/office/drawing/2014/main" id="{DA7DDEC3-BBC9-4D5D-94A3-DCC7035FEE17}"/>
              </a:ext>
            </a:extLst>
          </p:cNvPr>
          <p:cNvSpPr/>
          <p:nvPr/>
        </p:nvSpPr>
        <p:spPr>
          <a:xfrm>
            <a:off x="10327497" y="5806040"/>
            <a:ext cx="995423" cy="304799"/>
          </a:xfrm>
          <a:prstGeom prst="round2SameRect">
            <a:avLst>
              <a:gd name="adj1" fmla="val 24108"/>
              <a:gd name="adj2" fmla="val 26133"/>
            </a:avLst>
          </a:prstGeom>
          <a:solidFill>
            <a:srgbClr val="00388F"/>
          </a:solidFill>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t" latinLnBrk="0" hangingPunct="1">
              <a:lnSpc>
                <a:spcPct val="100000"/>
              </a:lnSpc>
              <a:spcBef>
                <a:spcPts val="600"/>
              </a:spcBef>
              <a:spcAft>
                <a:spcPts val="600"/>
              </a:spcAft>
              <a:buClrTx/>
              <a:buSzTx/>
              <a:buFontTx/>
              <a:buNone/>
              <a:tabLst/>
              <a:defRPr/>
            </a:pPr>
            <a:r>
              <a:rPr kumimoji="0" lang="en-US" sz="1200" b="0" i="0" u="sng" strike="noStrike" kern="1200" cap="none" spc="0" normalizeH="0" baseline="0" noProof="0" dirty="0">
                <a:ln>
                  <a:noFill/>
                </a:ln>
                <a:solidFill>
                  <a:prstClr val="white"/>
                </a:solidFill>
                <a:effectLst/>
                <a:uLnTx/>
                <a:uFillTx/>
                <a:latin typeface="Roboto SemiBold" panose="02000000000000000000" pitchFamily="2" charset="0"/>
                <a:ea typeface="Roboto SemiBold" panose="02000000000000000000" pitchFamily="2" charset="0"/>
                <a:cs typeface="+mn-cs"/>
              </a:rPr>
              <a:t>Demo</a:t>
            </a:r>
          </a:p>
        </p:txBody>
      </p:sp>
      <p:sp>
        <p:nvSpPr>
          <p:cNvPr id="13" name="TextBox 4">
            <a:extLst>
              <a:ext uri="{FF2B5EF4-FFF2-40B4-BE49-F238E27FC236}">
                <a16:creationId xmlns:a16="http://schemas.microsoft.com/office/drawing/2014/main" id="{A0FCF748-D8E1-EF05-11C2-34D03C7C227F}"/>
              </a:ext>
            </a:extLst>
          </p:cNvPr>
          <p:cNvSpPr txBox="1"/>
          <p:nvPr/>
        </p:nvSpPr>
        <p:spPr>
          <a:xfrm>
            <a:off x="4414045" y="3762814"/>
            <a:ext cx="3142318" cy="276999"/>
          </a:xfrm>
          <a:prstGeom prst="rect">
            <a:avLst/>
          </a:prstGeom>
          <a:noFill/>
        </p:spPr>
        <p:txBody>
          <a:bodyPr wrap="square">
            <a:spAutoFit/>
          </a:bodyPr>
          <a:lstStyle>
            <a:defPPr>
              <a:defRPr lang="en-US"/>
            </a:defPPr>
            <a:lvl1pPr>
              <a:defRPr sz="1400" b="1">
                <a:latin typeface="Roboto "/>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rPr>
              <a:t>Rise AI with Custom Visuals and Layouts</a:t>
            </a:r>
          </a:p>
        </p:txBody>
      </p:sp>
      <p:sp>
        <p:nvSpPr>
          <p:cNvPr id="14" name="TextBox 6">
            <a:extLst>
              <a:ext uri="{FF2B5EF4-FFF2-40B4-BE49-F238E27FC236}">
                <a16:creationId xmlns:a16="http://schemas.microsoft.com/office/drawing/2014/main" id="{5E0C326B-693A-4463-3885-C7613324E99A}"/>
              </a:ext>
            </a:extLst>
          </p:cNvPr>
          <p:cNvSpPr txBox="1"/>
          <p:nvPr/>
        </p:nvSpPr>
        <p:spPr>
          <a:xfrm>
            <a:off x="8132178" y="3762814"/>
            <a:ext cx="3190742" cy="276999"/>
          </a:xfrm>
          <a:prstGeom prst="rect">
            <a:avLst/>
          </a:prstGeom>
          <a:noFill/>
        </p:spPr>
        <p:txBody>
          <a:bodyPr wrap="square">
            <a:spAutoFit/>
          </a:bodyPr>
          <a:lstStyle>
            <a:defPPr>
              <a:defRPr lang="en-US"/>
            </a:defPPr>
            <a:lvl1pPr>
              <a:defRPr sz="1200" b="1">
                <a:latin typeface="Roboto "/>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rPr>
              <a:t>Rise AI with HTML5 Interactions</a:t>
            </a:r>
          </a:p>
        </p:txBody>
      </p:sp>
      <p:sp>
        <p:nvSpPr>
          <p:cNvPr id="15" name="TextBox 8">
            <a:extLst>
              <a:ext uri="{FF2B5EF4-FFF2-40B4-BE49-F238E27FC236}">
                <a16:creationId xmlns:a16="http://schemas.microsoft.com/office/drawing/2014/main" id="{3537A81E-DCB3-41DE-2183-2DD6FB97CF38}"/>
              </a:ext>
            </a:extLst>
          </p:cNvPr>
          <p:cNvSpPr txBox="1"/>
          <p:nvPr/>
        </p:nvSpPr>
        <p:spPr>
          <a:xfrm>
            <a:off x="686392" y="3762814"/>
            <a:ext cx="3020009" cy="461665"/>
          </a:xfrm>
          <a:prstGeom prst="rect">
            <a:avLst/>
          </a:prstGeom>
          <a:noFill/>
        </p:spPr>
        <p:txBody>
          <a:bodyPr wrap="square">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rPr>
              <a:t>Rise AI-generated Default Output</a:t>
            </a:r>
          </a:p>
          <a:p>
            <a:pPr marL="0" marR="0" lvl="0" indent="0" algn="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prstClr val="black"/>
              </a:solidFill>
              <a:effectLst/>
              <a:uLnTx/>
              <a:uFillTx/>
              <a:latin typeface="Roboto SemiBold" panose="02000000000000000000" pitchFamily="2" charset="0"/>
              <a:ea typeface="+mn-ea"/>
              <a:cs typeface="+mn-cs"/>
            </a:endParaRPr>
          </a:p>
        </p:txBody>
      </p:sp>
      <p:sp>
        <p:nvSpPr>
          <p:cNvPr id="17" name="TextBox 15">
            <a:extLst>
              <a:ext uri="{FF2B5EF4-FFF2-40B4-BE49-F238E27FC236}">
                <a16:creationId xmlns:a16="http://schemas.microsoft.com/office/drawing/2014/main" id="{138DBB20-8D4E-C0AB-BA96-9F198BA92F4E}"/>
              </a:ext>
            </a:extLst>
          </p:cNvPr>
          <p:cNvSpPr txBox="1"/>
          <p:nvPr/>
        </p:nvSpPr>
        <p:spPr>
          <a:xfrm>
            <a:off x="686393" y="4086373"/>
            <a:ext cx="3178788" cy="1138773"/>
          </a:xfrm>
          <a:prstGeom prst="rect">
            <a:avLst/>
          </a:prstGeom>
          <a:noFill/>
        </p:spPr>
        <p:txBody>
          <a:bodyPr wrap="square">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228600" marR="0" lvl="1" indent="-228600" algn="l" defTabSz="914400" rtl="0" eaLnBrk="1" fontAlgn="auto" latinLnBrk="0" hangingPunct="1">
              <a:lnSpc>
                <a:spcPct val="100000"/>
              </a:lnSpc>
              <a:spcBef>
                <a:spcPts val="1000"/>
              </a:spcBef>
              <a:spcAft>
                <a:spcPts val="20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Default Rise course output</a:t>
            </a:r>
          </a:p>
          <a:p>
            <a:pPr marL="228600" marR="0" lvl="1" indent="-228600" algn="l" defTabSz="914400" rtl="0" eaLnBrk="1" fontAlgn="auto" latinLnBrk="0" hangingPunct="1">
              <a:lnSpc>
                <a:spcPct val="100000"/>
              </a:lnSpc>
              <a:spcBef>
                <a:spcPts val="1000"/>
              </a:spcBef>
              <a:spcAft>
                <a:spcPts val="20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Rise’s default lesson structure, layouts, visual blocks, and AI-generated images</a:t>
            </a:r>
          </a:p>
          <a:p>
            <a:pPr marL="228600" marR="0" lvl="1" indent="-228600" algn="l" defTabSz="914400" rtl="0" eaLnBrk="1" fontAlgn="auto" latinLnBrk="0" hangingPunct="1">
              <a:lnSpc>
                <a:spcPct val="100000"/>
              </a:lnSpc>
              <a:spcBef>
                <a:spcPts val="1000"/>
              </a:spcBef>
              <a:spcAft>
                <a:spcPts val="20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Minimal manual intervention</a:t>
            </a:r>
          </a:p>
        </p:txBody>
      </p:sp>
      <p:sp>
        <p:nvSpPr>
          <p:cNvPr id="18" name="TextBox 16">
            <a:extLst>
              <a:ext uri="{FF2B5EF4-FFF2-40B4-BE49-F238E27FC236}">
                <a16:creationId xmlns:a16="http://schemas.microsoft.com/office/drawing/2014/main" id="{1414DF99-09B4-1478-E49C-B17AF6ECB539}"/>
              </a:ext>
            </a:extLst>
          </p:cNvPr>
          <p:cNvSpPr txBox="1"/>
          <p:nvPr/>
        </p:nvSpPr>
        <p:spPr>
          <a:xfrm>
            <a:off x="4439153" y="4086373"/>
            <a:ext cx="3388306" cy="1215717"/>
          </a:xfrm>
          <a:prstGeom prst="rect">
            <a:avLst/>
          </a:prstGeom>
          <a:noFill/>
        </p:spPr>
        <p:txBody>
          <a:bodyPr wrap="square">
            <a:spAutoFit/>
          </a:bodyPr>
          <a:lstStyle>
            <a:defPPr>
              <a:defRPr lang="en-US"/>
            </a:defPPr>
            <a:lvl1pPr marL="285750" indent="-285750">
              <a:spcBef>
                <a:spcPts val="200"/>
              </a:spcBef>
              <a:spcAft>
                <a:spcPts val="200"/>
              </a:spcAft>
              <a:buFont typeface="Arial" panose="020B0604020202020204" pitchFamily="34" charset="0"/>
              <a:buChar char="•"/>
              <a:defRPr sz="1050">
                <a:latin typeface="Roboto "/>
                <a:ea typeface="Roboto Light" panose="02000000000000000000" pitchFamily="2"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228600" marR="0" lvl="1" indent="-228600" algn="l" defTabSz="914400" rtl="0" eaLnBrk="1" fontAlgn="auto" latinLnBrk="0" hangingPunct="1">
              <a:lnSpc>
                <a:spcPct val="100000"/>
              </a:lnSpc>
              <a:spcBef>
                <a:spcPts val="1000"/>
              </a:spcBef>
              <a:spcAft>
                <a:spcPts val="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Default Rise course output</a:t>
            </a:r>
          </a:p>
          <a:p>
            <a:pPr marL="228600" marR="0" lvl="1" indent="-228600" algn="l" defTabSz="914400" rtl="0" eaLnBrk="1" fontAlgn="auto" latinLnBrk="0" hangingPunct="1">
              <a:lnSpc>
                <a:spcPct val="100000"/>
              </a:lnSpc>
              <a:spcBef>
                <a:spcPts val="1000"/>
              </a:spcBef>
              <a:spcAft>
                <a:spcPts val="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Default lesson structure and layouts </a:t>
            </a:r>
          </a:p>
          <a:p>
            <a:pPr marL="228600" marR="0" lvl="1" indent="-228600" algn="l" defTabSz="914400" rtl="0" eaLnBrk="1" fontAlgn="auto" latinLnBrk="0" hangingPunct="1">
              <a:lnSpc>
                <a:spcPct val="100000"/>
              </a:lnSpc>
              <a:spcBef>
                <a:spcPts val="1000"/>
              </a:spcBef>
              <a:spcAft>
                <a:spcPts val="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Integrated custom layouts</a:t>
            </a:r>
          </a:p>
          <a:p>
            <a:pPr marL="228600" marR="0" lvl="1" indent="-228600" algn="l" defTabSz="914400" rtl="0" eaLnBrk="1" fontAlgn="auto" latinLnBrk="0" hangingPunct="1">
              <a:lnSpc>
                <a:spcPct val="100000"/>
              </a:lnSpc>
              <a:spcBef>
                <a:spcPts val="1000"/>
              </a:spcBef>
              <a:spcAft>
                <a:spcPts val="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Manual intervention for enhancements</a:t>
            </a:r>
          </a:p>
        </p:txBody>
      </p:sp>
      <p:sp>
        <p:nvSpPr>
          <p:cNvPr id="19" name="TextBox 3">
            <a:extLst>
              <a:ext uri="{FF2B5EF4-FFF2-40B4-BE49-F238E27FC236}">
                <a16:creationId xmlns:a16="http://schemas.microsoft.com/office/drawing/2014/main" id="{7638271E-6D6A-14EC-4234-7A6D0C845D07}"/>
              </a:ext>
            </a:extLst>
          </p:cNvPr>
          <p:cNvSpPr txBox="1"/>
          <p:nvPr/>
        </p:nvSpPr>
        <p:spPr>
          <a:xfrm>
            <a:off x="8171125" y="4086373"/>
            <a:ext cx="3151796" cy="1713290"/>
          </a:xfrm>
          <a:prstGeom prst="rect">
            <a:avLst/>
          </a:prstGeom>
          <a:noFill/>
        </p:spPr>
        <p:txBody>
          <a:bodyPr wrap="square">
            <a:spAutoFit/>
          </a:bodyPr>
          <a:lstStyle>
            <a:defPPr>
              <a:defRPr lang="en-US"/>
            </a:defPPr>
            <a:lvl1pPr marL="285750" indent="-285750">
              <a:spcBef>
                <a:spcPts val="200"/>
              </a:spcBef>
              <a:spcAft>
                <a:spcPts val="200"/>
              </a:spcAft>
              <a:buFont typeface="Arial" panose="020B0604020202020204" pitchFamily="34" charset="0"/>
              <a:buChar char="•"/>
              <a:defRPr sz="1050">
                <a:latin typeface="Roboto "/>
                <a:ea typeface="Roboto Light" panose="02000000000000000000" pitchFamily="2"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228600" marR="0" lvl="1" indent="-228600" algn="l" defTabSz="914400" rtl="0" eaLnBrk="1" fontAlgn="auto" latinLnBrk="0" hangingPunct="1">
              <a:lnSpc>
                <a:spcPct val="100000"/>
              </a:lnSpc>
              <a:spcBef>
                <a:spcPts val="1000"/>
              </a:spcBef>
              <a:spcAft>
                <a:spcPts val="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Default Rise course output</a:t>
            </a:r>
          </a:p>
          <a:p>
            <a:pPr marL="228600" marR="0" lvl="1" indent="-228600" algn="l" defTabSz="914400" rtl="0" eaLnBrk="1" fontAlgn="auto" latinLnBrk="0" hangingPunct="1">
              <a:lnSpc>
                <a:spcPct val="100000"/>
              </a:lnSpc>
              <a:spcBef>
                <a:spcPts val="1000"/>
              </a:spcBef>
              <a:spcAft>
                <a:spcPts val="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Default lesson structure and layouts</a:t>
            </a:r>
          </a:p>
          <a:p>
            <a:pPr marL="228600" marR="0" lvl="1" indent="-228600" algn="l" defTabSz="914400" rtl="0" eaLnBrk="1" fontAlgn="auto" latinLnBrk="0" hangingPunct="1">
              <a:lnSpc>
                <a:spcPct val="100000"/>
              </a:lnSpc>
              <a:spcBef>
                <a:spcPts val="1000"/>
              </a:spcBef>
              <a:spcAft>
                <a:spcPts val="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Custom HTML responsive layouts and interactivities </a:t>
            </a:r>
          </a:p>
          <a:p>
            <a:pPr marL="228600" marR="0" lvl="1" indent="-228600" algn="l" defTabSz="914400" rtl="0" eaLnBrk="1" fontAlgn="auto" latinLnBrk="0" hangingPunct="1">
              <a:lnSpc>
                <a:spcPct val="100000"/>
              </a:lnSpc>
              <a:spcBef>
                <a:spcPts val="1000"/>
              </a:spcBef>
              <a:spcAft>
                <a:spcPts val="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Enhanced visual design and media</a:t>
            </a:r>
          </a:p>
          <a:p>
            <a:pPr marL="228600" marR="0" lvl="1" indent="-228600" algn="l" defTabSz="914400" rtl="0" eaLnBrk="1" fontAlgn="auto" latinLnBrk="0" hangingPunct="1">
              <a:lnSpc>
                <a:spcPct val="100000"/>
              </a:lnSpc>
              <a:spcBef>
                <a:spcPts val="1000"/>
              </a:spcBef>
              <a:spcAft>
                <a:spcPts val="0"/>
              </a:spcAft>
              <a:buClr>
                <a:srgbClr val="BE3455"/>
              </a:buClr>
              <a:buSzTx/>
              <a:buFont typeface="Arial" panose="020B0604020202020204" pitchFamily="34" charset="0"/>
              <a:buChar char="•"/>
              <a:tabLst/>
              <a:defRPr/>
            </a:pPr>
            <a:r>
              <a:rPr kumimoji="0" lang="en-US" sz="1200" b="0" i="0" u="none" strike="noStrike" kern="1200" cap="none" spc="0" normalizeH="0" baseline="0" noProof="0" dirty="0">
                <a:ln>
                  <a:noFill/>
                </a:ln>
                <a:solidFill>
                  <a:prstClr val="black">
                    <a:lumMod val="85000"/>
                    <a:lumOff val="15000"/>
                  </a:prstClr>
                </a:solidFill>
                <a:effectLst/>
                <a:uLnTx/>
                <a:uFillTx/>
                <a:latin typeface="Roboto SemiBold" panose="02000000000000000000" pitchFamily="2" charset="0"/>
                <a:ea typeface="Roboto SemiBold" panose="02000000000000000000" pitchFamily="2" charset="0"/>
                <a:cs typeface="+mn-cs"/>
              </a:rPr>
              <a:t>Manual intervention for enhancements</a:t>
            </a:r>
          </a:p>
        </p:txBody>
      </p:sp>
      <p:pic>
        <p:nvPicPr>
          <p:cNvPr id="20" name="Picture 19">
            <a:extLst>
              <a:ext uri="{FF2B5EF4-FFF2-40B4-BE49-F238E27FC236}">
                <a16:creationId xmlns:a16="http://schemas.microsoft.com/office/drawing/2014/main" id="{648957DE-DF30-2790-75D3-BBA828333AA4}"/>
              </a:ext>
            </a:extLst>
          </p:cNvPr>
          <p:cNvPicPr>
            <a:picLocks noChangeAspect="1"/>
          </p:cNvPicPr>
          <p:nvPr/>
        </p:nvPicPr>
        <p:blipFill>
          <a:blip r:embed="rId8"/>
          <a:stretch>
            <a:fillRect/>
          </a:stretch>
        </p:blipFill>
        <p:spPr>
          <a:xfrm>
            <a:off x="557183" y="1863973"/>
            <a:ext cx="3418943" cy="1813484"/>
          </a:xfrm>
          <a:prstGeom prst="roundRect">
            <a:avLst>
              <a:gd name="adj" fmla="val 2832"/>
            </a:avLst>
          </a:prstGeom>
          <a:solidFill>
            <a:srgbClr val="00B0F0"/>
          </a:solidFill>
          <a:ln w="9525">
            <a:solidFill>
              <a:srgbClr val="00B0F0"/>
            </a:solidFill>
          </a:ln>
          <a:effectLst/>
        </p:spPr>
      </p:pic>
      <p:pic>
        <p:nvPicPr>
          <p:cNvPr id="21" name="Picture 20">
            <a:extLst>
              <a:ext uri="{FF2B5EF4-FFF2-40B4-BE49-F238E27FC236}">
                <a16:creationId xmlns:a16="http://schemas.microsoft.com/office/drawing/2014/main" id="{2ADE8067-9094-FEA5-2016-307E624E1B98}"/>
              </a:ext>
            </a:extLst>
          </p:cNvPr>
          <p:cNvPicPr>
            <a:picLocks noChangeAspect="1"/>
          </p:cNvPicPr>
          <p:nvPr/>
        </p:nvPicPr>
        <p:blipFill>
          <a:blip r:embed="rId9"/>
          <a:srcRect l="10818" t="5437" r="10987" b="1718"/>
          <a:stretch>
            <a:fillRect/>
          </a:stretch>
        </p:blipFill>
        <p:spPr>
          <a:xfrm>
            <a:off x="4329762" y="1863972"/>
            <a:ext cx="3415796" cy="1813484"/>
          </a:xfrm>
          <a:prstGeom prst="roundRect">
            <a:avLst>
              <a:gd name="adj" fmla="val 2832"/>
            </a:avLst>
          </a:prstGeom>
          <a:solidFill>
            <a:schemeClr val="bg1"/>
          </a:solidFill>
          <a:ln w="9525">
            <a:solidFill>
              <a:srgbClr val="00B0F0"/>
            </a:solidFill>
          </a:ln>
          <a:effectLst/>
        </p:spPr>
      </p:pic>
      <p:pic>
        <p:nvPicPr>
          <p:cNvPr id="23" name="Picture 2" descr="Training - Yukon Learning">
            <a:extLst>
              <a:ext uri="{FF2B5EF4-FFF2-40B4-BE49-F238E27FC236}">
                <a16:creationId xmlns:a16="http://schemas.microsoft.com/office/drawing/2014/main" id="{834C0F3B-8C48-6E4C-CB0B-10FAA8C102D6}"/>
              </a:ext>
            </a:extLst>
          </p:cNvPr>
          <p:cNvPicPr>
            <a:picLocks noChangeAspect="1" noChangeArrowheads="1"/>
          </p:cNvPicPr>
          <p:nvPr/>
        </p:nvPicPr>
        <p:blipFill>
          <a:blip r:embed="rId10">
            <a:extLst>
              <a:ext uri="{28A0092B-C50C-407E-A947-70E740481C1C}">
                <a14:useLocalDpi xmlns:a14="http://schemas.microsoft.com/office/drawing/2010/main" val="0"/>
              </a:ext>
            </a:extLst>
          </a:blip>
          <a:srcRect/>
          <a:stretch>
            <a:fillRect/>
          </a:stretch>
        </p:blipFill>
        <p:spPr bwMode="auto">
          <a:xfrm>
            <a:off x="10970895" y="308858"/>
            <a:ext cx="724842" cy="72484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477991775"/>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DE43B279-FD33-602A-CA41-408FB928807A}"/>
              </a:ext>
            </a:extLst>
          </p:cNvPr>
          <p:cNvSpPr>
            <a:spLocks noGrp="1"/>
          </p:cNvSpPr>
          <p:nvPr>
            <p:ph type="title"/>
          </p:nvPr>
        </p:nvSpPr>
        <p:spPr>
          <a:xfrm>
            <a:off x="3568700" y="2892282"/>
            <a:ext cx="5054600" cy="713529"/>
          </a:xfrm>
        </p:spPr>
        <p:txBody>
          <a:bodyPr>
            <a:normAutofit/>
          </a:bodyPr>
          <a:lstStyle/>
          <a:p>
            <a:r>
              <a:rPr lang="en-US" sz="3200" dirty="0">
                <a:ea typeface="Roboto SemiBold" panose="02000000000000000000" pitchFamily="2" charset="0"/>
              </a:rPr>
              <a:t>AI for Video Creation</a:t>
            </a:r>
            <a:endParaRPr lang="en-IN" sz="3200" dirty="0">
              <a:ea typeface="Roboto SemiBold" panose="02000000000000000000" pitchFamily="2" charset="0"/>
            </a:endParaRPr>
          </a:p>
        </p:txBody>
      </p:sp>
    </p:spTree>
    <p:extLst>
      <p:ext uri="{BB962C8B-B14F-4D97-AF65-F5344CB8AC3E}">
        <p14:creationId xmlns:p14="http://schemas.microsoft.com/office/powerpoint/2010/main" val="105813382"/>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EC2E909-90F5-82C4-F992-291947F83484}"/>
            </a:ext>
          </a:extLst>
        </p:cNvPr>
        <p:cNvGrpSpPr/>
        <p:nvPr/>
      </p:nvGrpSpPr>
      <p:grpSpPr>
        <a:xfrm>
          <a:off x="0" y="0"/>
          <a:ext cx="0" cy="0"/>
          <a:chOff x="0" y="0"/>
          <a:chExt cx="0" cy="0"/>
        </a:xfrm>
      </p:grpSpPr>
      <p:pic>
        <p:nvPicPr>
          <p:cNvPr id="8" name="Picture 7" descr="A picture containing text, toy&#10;&#10;Description automatically generated">
            <a:extLst>
              <a:ext uri="{FF2B5EF4-FFF2-40B4-BE49-F238E27FC236}">
                <a16:creationId xmlns:a16="http://schemas.microsoft.com/office/drawing/2014/main" id="{549E491D-BB3C-8B34-1FF0-BCAA268F1E77}"/>
              </a:ext>
            </a:extLst>
          </p:cNvPr>
          <p:cNvPicPr>
            <a:picLocks noChangeAspect="1"/>
          </p:cNvPicPr>
          <p:nvPr/>
        </p:nvPicPr>
        <p:blipFill rotWithShape="1">
          <a:blip r:embed="rId3">
            <a:extLst>
              <a:ext uri="{28A0092B-C50C-407E-A947-70E740481C1C}">
                <a14:useLocalDpi xmlns:a14="http://schemas.microsoft.com/office/drawing/2010/main" val="0"/>
              </a:ext>
            </a:extLst>
          </a:blip>
          <a:srcRect t="26323" b="55905"/>
          <a:stretch/>
        </p:blipFill>
        <p:spPr>
          <a:xfrm>
            <a:off x="0" y="0"/>
            <a:ext cx="12192000" cy="1354239"/>
          </a:xfrm>
          <a:prstGeom prst="rect">
            <a:avLst/>
          </a:prstGeom>
        </p:spPr>
      </p:pic>
      <p:sp>
        <p:nvSpPr>
          <p:cNvPr id="9" name="Rectangle 8">
            <a:extLst>
              <a:ext uri="{FF2B5EF4-FFF2-40B4-BE49-F238E27FC236}">
                <a16:creationId xmlns:a16="http://schemas.microsoft.com/office/drawing/2014/main" id="{E4392505-5148-4064-08E8-CAD22BF0D803}"/>
              </a:ext>
            </a:extLst>
          </p:cNvPr>
          <p:cNvSpPr/>
          <p:nvPr/>
        </p:nvSpPr>
        <p:spPr>
          <a:xfrm flipH="1">
            <a:off x="0" y="1"/>
            <a:ext cx="12192000" cy="1354238"/>
          </a:xfrm>
          <a:prstGeom prst="rect">
            <a:avLst/>
          </a:prstGeom>
          <a:gradFill flip="none" rotWithShape="1">
            <a:gsLst>
              <a:gs pos="0">
                <a:srgbClr val="68058D">
                  <a:alpha val="23000"/>
                </a:srgbClr>
              </a:gs>
              <a:gs pos="50000">
                <a:srgbClr val="8202CA">
                  <a:alpha val="70000"/>
                </a:srgbClr>
              </a:gs>
              <a:gs pos="100000">
                <a:srgbClr val="5C00C5">
                  <a:alpha val="32000"/>
                </a:srgb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dirty="0">
              <a:latin typeface="Roboto SemiBold" panose="02000000000000000000" pitchFamily="2" charset="0"/>
            </a:endParaRPr>
          </a:p>
        </p:txBody>
      </p:sp>
      <p:sp>
        <p:nvSpPr>
          <p:cNvPr id="16" name="Title 15">
            <a:extLst>
              <a:ext uri="{FF2B5EF4-FFF2-40B4-BE49-F238E27FC236}">
                <a16:creationId xmlns:a16="http://schemas.microsoft.com/office/drawing/2014/main" id="{57E4E5ED-6E09-D086-7D8B-841923C0111A}"/>
              </a:ext>
            </a:extLst>
          </p:cNvPr>
          <p:cNvSpPr>
            <a:spLocks noGrp="1"/>
          </p:cNvSpPr>
          <p:nvPr>
            <p:ph type="title"/>
          </p:nvPr>
        </p:nvSpPr>
        <p:spPr>
          <a:xfrm>
            <a:off x="446939" y="365125"/>
            <a:ext cx="11342290" cy="640715"/>
          </a:xfrm>
        </p:spPr>
        <p:txBody>
          <a:bodyPr>
            <a:normAutofit fontScale="90000"/>
          </a:bodyPr>
          <a:lstStyle/>
          <a:p>
            <a:r>
              <a:rPr lang="en-US" dirty="0">
                <a:solidFill>
                  <a:schemeClr val="bg1"/>
                </a:solidFill>
                <a:ea typeface="Roboto SemiBold" panose="02000000000000000000" pitchFamily="2" charset="0"/>
              </a:rPr>
              <a:t>AI-powered Video Creation: Transforming Scripts into Finished Videos in Minutes</a:t>
            </a:r>
          </a:p>
        </p:txBody>
      </p:sp>
      <p:sp>
        <p:nvSpPr>
          <p:cNvPr id="21" name="Content Placeholder 20">
            <a:extLst>
              <a:ext uri="{FF2B5EF4-FFF2-40B4-BE49-F238E27FC236}">
                <a16:creationId xmlns:a16="http://schemas.microsoft.com/office/drawing/2014/main" id="{66EB2BA9-1156-4313-02B7-11CAB175F9B7}"/>
              </a:ext>
            </a:extLst>
          </p:cNvPr>
          <p:cNvSpPr>
            <a:spLocks noGrp="1"/>
          </p:cNvSpPr>
          <p:nvPr>
            <p:ph idx="1"/>
          </p:nvPr>
        </p:nvSpPr>
        <p:spPr>
          <a:xfrm>
            <a:off x="446939" y="1719363"/>
            <a:ext cx="7271818" cy="4337308"/>
          </a:xfrm>
        </p:spPr>
        <p:txBody>
          <a:bodyPr>
            <a:noAutofit/>
          </a:bodyPr>
          <a:lstStyle/>
          <a:p>
            <a:pPr marL="0" indent="0">
              <a:lnSpc>
                <a:spcPct val="100000"/>
              </a:lnSpc>
              <a:buNone/>
            </a:pPr>
            <a:r>
              <a:rPr lang="en-US" sz="1400" b="1" dirty="0">
                <a:ea typeface="Roboto SemiBold" panose="02000000000000000000" pitchFamily="2" charset="0"/>
              </a:rPr>
              <a:t>What AI Video Platforms Can Do</a:t>
            </a:r>
          </a:p>
          <a:p>
            <a:pPr marL="0" indent="0">
              <a:lnSpc>
                <a:spcPct val="100000"/>
              </a:lnSpc>
              <a:buNone/>
            </a:pPr>
            <a:r>
              <a:rPr lang="en-US" sz="1400" dirty="0">
                <a:ea typeface="Roboto SemiBold" panose="02000000000000000000" pitchFamily="2" charset="0"/>
              </a:rPr>
              <a:t>Enable teams to produce polished, professional video content without cameras, studios, or actors</a:t>
            </a:r>
          </a:p>
          <a:p>
            <a:pPr marL="0" indent="0">
              <a:lnSpc>
                <a:spcPct val="100000"/>
              </a:lnSpc>
              <a:buNone/>
            </a:pPr>
            <a:r>
              <a:rPr lang="en-US" sz="1400" b="1" dirty="0">
                <a:ea typeface="Roboto SemiBold" panose="02000000000000000000" pitchFamily="2" charset="0"/>
              </a:rPr>
              <a:t>Core Capabilities</a:t>
            </a:r>
            <a:endParaRPr lang="en-US" sz="1400" dirty="0">
              <a:ea typeface="Roboto SemiBold" panose="02000000000000000000" pitchFamily="2" charset="0"/>
            </a:endParaRPr>
          </a:p>
          <a:p>
            <a:pPr>
              <a:lnSpc>
                <a:spcPct val="100000"/>
              </a:lnSpc>
            </a:pPr>
            <a:r>
              <a:rPr lang="en-US" sz="1400" dirty="0">
                <a:ea typeface="Roboto SemiBold" panose="02000000000000000000" pitchFamily="2" charset="0"/>
              </a:rPr>
              <a:t>Realistic AI avatars delivering scripted content</a:t>
            </a:r>
          </a:p>
          <a:p>
            <a:pPr>
              <a:lnSpc>
                <a:spcPct val="100000"/>
              </a:lnSpc>
            </a:pPr>
            <a:r>
              <a:rPr lang="en-US" sz="1400" dirty="0">
                <a:ea typeface="Roboto SemiBold" panose="02000000000000000000" pitchFamily="2" charset="0"/>
              </a:rPr>
              <a:t>Voice cloning and multilingual dubbing</a:t>
            </a:r>
          </a:p>
          <a:p>
            <a:pPr>
              <a:lnSpc>
                <a:spcPct val="100000"/>
              </a:lnSpc>
            </a:pPr>
            <a:r>
              <a:rPr lang="en-US" sz="1400" dirty="0">
                <a:ea typeface="Roboto SemiBold" panose="02000000000000000000" pitchFamily="2" charset="0"/>
              </a:rPr>
              <a:t>Automated voiceovers synced to visuals</a:t>
            </a:r>
          </a:p>
          <a:p>
            <a:pPr>
              <a:lnSpc>
                <a:spcPct val="100000"/>
              </a:lnSpc>
            </a:pPr>
            <a:r>
              <a:rPr lang="en-US" sz="1400" dirty="0">
                <a:ea typeface="Roboto SemiBold" panose="02000000000000000000" pitchFamily="2" charset="0"/>
              </a:rPr>
              <a:t>Short-form video generation from written scripts</a:t>
            </a:r>
          </a:p>
          <a:p>
            <a:pPr>
              <a:lnSpc>
                <a:spcPct val="100000"/>
              </a:lnSpc>
            </a:pPr>
            <a:r>
              <a:rPr lang="en-US" sz="1400" dirty="0">
                <a:ea typeface="Roboto SemiBold" panose="02000000000000000000" pitchFamily="2" charset="0"/>
              </a:rPr>
              <a:t>Auto-captioning and B-roll insertion</a:t>
            </a:r>
          </a:p>
          <a:p>
            <a:pPr marL="0" indent="0">
              <a:lnSpc>
                <a:spcPct val="100000"/>
              </a:lnSpc>
              <a:buNone/>
            </a:pPr>
            <a:endParaRPr lang="en-US" sz="1400" dirty="0">
              <a:ea typeface="Roboto SemiBold" panose="02000000000000000000" pitchFamily="2" charset="0"/>
            </a:endParaRPr>
          </a:p>
        </p:txBody>
      </p:sp>
      <p:sp>
        <p:nvSpPr>
          <p:cNvPr id="4" name="Rectangle: Rounded Corners 3">
            <a:extLst>
              <a:ext uri="{FF2B5EF4-FFF2-40B4-BE49-F238E27FC236}">
                <a16:creationId xmlns:a16="http://schemas.microsoft.com/office/drawing/2014/main" id="{B8E9B3DC-22D0-9FF7-C1C9-20F6B710B201}"/>
              </a:ext>
            </a:extLst>
          </p:cNvPr>
          <p:cNvSpPr/>
          <p:nvPr/>
        </p:nvSpPr>
        <p:spPr>
          <a:xfrm>
            <a:off x="8180439" y="2064774"/>
            <a:ext cx="3293806" cy="3696929"/>
          </a:xfrm>
          <a:prstGeom prst="roundRect">
            <a:avLst>
              <a:gd name="adj" fmla="val 4130"/>
            </a:avLst>
          </a:prstGeom>
          <a:solidFill>
            <a:schemeClr val="bg1"/>
          </a:solidFill>
          <a:ln>
            <a:solidFill>
              <a:schemeClr val="bg1">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latin typeface="Roboto SemiBold" panose="02000000000000000000" pitchFamily="2" charset="0"/>
            </a:endParaRPr>
          </a:p>
        </p:txBody>
      </p:sp>
      <p:pic>
        <p:nvPicPr>
          <p:cNvPr id="5" name="Picture 4" descr="Synthesia Makes AI Video Production Effortless with Generative AI on ...">
            <a:extLst>
              <a:ext uri="{FF2B5EF4-FFF2-40B4-BE49-F238E27FC236}">
                <a16:creationId xmlns:a16="http://schemas.microsoft.com/office/drawing/2014/main" id="{A1E1A010-D4D4-A42C-D5DA-3A1448561A5C}"/>
              </a:ext>
            </a:extLst>
          </p:cNvPr>
          <p:cNvPicPr>
            <a:picLocks noChangeAspect="1"/>
          </p:cNvPicPr>
          <p:nvPr/>
        </p:nvPicPr>
        <p:blipFill>
          <a:blip r:embed="rId4"/>
          <a:stretch>
            <a:fillRect/>
          </a:stretch>
        </p:blipFill>
        <p:spPr>
          <a:xfrm>
            <a:off x="8749606" y="2634787"/>
            <a:ext cx="2212933" cy="363092"/>
          </a:xfrm>
          <a:prstGeom prst="rect">
            <a:avLst/>
          </a:prstGeom>
        </p:spPr>
      </p:pic>
      <p:pic>
        <p:nvPicPr>
          <p:cNvPr id="6" name="Graphic 5">
            <a:extLst>
              <a:ext uri="{FF2B5EF4-FFF2-40B4-BE49-F238E27FC236}">
                <a16:creationId xmlns:a16="http://schemas.microsoft.com/office/drawing/2014/main" id="{9B836736-2EE6-571A-02A5-A9CBE6F5125C}"/>
              </a:ext>
            </a:extLst>
          </p:cNvPr>
          <p:cNvPicPr>
            <a:picLocks noChangeAspect="1"/>
          </p:cNvPicPr>
          <p:nvPr/>
        </p:nvPicPr>
        <p:blipFill>
          <a:blip>
            <a:extLst>
              <a:ext uri="{96DAC541-7B7A-43D3-8B79-37D633B846F1}">
                <asvg:svgBlip xmlns:asvg="http://schemas.microsoft.com/office/drawing/2016/SVG/main" r:embed="rId5"/>
              </a:ext>
            </a:extLst>
          </a:blip>
          <a:stretch>
            <a:fillRect/>
          </a:stretch>
        </p:blipFill>
        <p:spPr>
          <a:xfrm>
            <a:off x="8749605" y="4779859"/>
            <a:ext cx="2212933" cy="451689"/>
          </a:xfrm>
          <a:prstGeom prst="rect">
            <a:avLst/>
          </a:prstGeom>
        </p:spPr>
      </p:pic>
      <p:pic>
        <p:nvPicPr>
          <p:cNvPr id="7" name="Picture 6" descr="Jobs at HeyGen">
            <a:extLst>
              <a:ext uri="{FF2B5EF4-FFF2-40B4-BE49-F238E27FC236}">
                <a16:creationId xmlns:a16="http://schemas.microsoft.com/office/drawing/2014/main" id="{0553929C-7234-F9EF-52E3-C7EF60D38CEC}"/>
              </a:ext>
            </a:extLst>
          </p:cNvPr>
          <p:cNvPicPr>
            <a:picLocks noChangeAspect="1"/>
          </p:cNvPicPr>
          <p:nvPr/>
        </p:nvPicPr>
        <p:blipFill>
          <a:blip r:embed="rId6"/>
          <a:stretch>
            <a:fillRect/>
          </a:stretch>
        </p:blipFill>
        <p:spPr>
          <a:xfrm>
            <a:off x="8876011" y="3681700"/>
            <a:ext cx="2086527" cy="477102"/>
          </a:xfrm>
          <a:prstGeom prst="rect">
            <a:avLst/>
          </a:prstGeom>
        </p:spPr>
      </p:pic>
    </p:spTree>
    <p:extLst>
      <p:ext uri="{BB962C8B-B14F-4D97-AF65-F5344CB8AC3E}">
        <p14:creationId xmlns:p14="http://schemas.microsoft.com/office/powerpoint/2010/main" val="2407878850"/>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p15:prstTrans prst="pageCurlSingle"/>
      </p:transition>
    </mc:Choice>
    <mc:Fallback xmlns="">
      <p:transition spd="slow">
        <p:fade/>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ARTICULATE_PROJECT_OPEN" val="0"/>
  <p:tag name="ARTICULATE_SLIDE_COUNT" val="40"/>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p:properties>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ct:contentTypeSchema xmlns:ct="http://schemas.microsoft.com/office/2006/metadata/contentType" xmlns:ma="http://schemas.microsoft.com/office/2006/metadata/properties/metaAttributes" ct:_="" ma:_="" ma:contentTypeName="Document" ma:contentTypeID="0x010100B503132C94149945A27CE5B404F8C00E" ma:contentTypeVersion="3" ma:contentTypeDescription="Create a new document." ma:contentTypeScope="" ma:versionID="db5ee6d5ca9db51c03c52a93e4596906">
  <xsd:schema xmlns:xsd="http://www.w3.org/2001/XMLSchema" xmlns:xs="http://www.w3.org/2001/XMLSchema" xmlns:p="http://schemas.microsoft.com/office/2006/metadata/properties" xmlns:ns2="90166ead-bc5c-4e35-9267-4db8da106cad" targetNamespace="http://schemas.microsoft.com/office/2006/metadata/properties" ma:root="true" ma:fieldsID="00fc34b103d29e91ff3cc9ad11890d52" ns2:_="">
    <xsd:import namespace="90166ead-bc5c-4e35-9267-4db8da106cad"/>
    <xsd:element name="properties">
      <xsd:complexType>
        <xsd:sequence>
          <xsd:element name="documentManagement">
            <xsd:complexType>
              <xsd:all>
                <xsd:element ref="ns2:MediaServiceMetadata" minOccurs="0"/>
                <xsd:element ref="ns2:MediaServiceFastMetadata" minOccurs="0"/>
                <xsd:element ref="ns2:MediaServiceSearchPropertie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90166ead-bc5c-4e35-9267-4db8da106cad"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SearchProperties" ma:index="10" nillable="true" ma:displayName="MediaServiceSearchProperties" ma:hidden="true" ma:internalName="MediaServiceSearchProperties" ma:readOnly="true">
      <xsd:simpleType>
        <xsd:restriction base="dms:Note"/>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AE0359DE-3BE9-4590-AE37-874CEBD7757C}">
  <ds:schemaRefs>
    <ds:schemaRef ds:uri="http://www.w3.org/XML/1998/namespace"/>
    <ds:schemaRef ds:uri="90166ead-bc5c-4e35-9267-4db8da106cad"/>
    <ds:schemaRef ds:uri="http://schemas.microsoft.com/office/infopath/2007/PartnerControls"/>
    <ds:schemaRef ds:uri="http://purl.org/dc/terms/"/>
    <ds:schemaRef ds:uri="http://schemas.openxmlformats.org/package/2006/metadata/core-properties"/>
    <ds:schemaRef ds:uri="http://purl.org/dc/dcmitype/"/>
    <ds:schemaRef ds:uri="http://schemas.microsoft.com/office/2006/documentManagement/types"/>
    <ds:schemaRef ds:uri="http://schemas.microsoft.com/office/2006/metadata/properties"/>
    <ds:schemaRef ds:uri="http://purl.org/dc/elements/1.1/"/>
  </ds:schemaRefs>
</ds:datastoreItem>
</file>

<file path=customXml/itemProps2.xml><?xml version="1.0" encoding="utf-8"?>
<ds:datastoreItem xmlns:ds="http://schemas.openxmlformats.org/officeDocument/2006/customXml" ds:itemID="{D1ED67C3-A85F-430D-83E6-779C0B0F5156}">
  <ds:schemaRefs>
    <ds:schemaRef ds:uri="http://schemas.microsoft.com/sharepoint/v3/contenttype/forms"/>
  </ds:schemaRefs>
</ds:datastoreItem>
</file>

<file path=customXml/itemProps3.xml><?xml version="1.0" encoding="utf-8"?>
<ds:datastoreItem xmlns:ds="http://schemas.openxmlformats.org/officeDocument/2006/customXml" ds:itemID="{0CC1EEE8-12FA-4EC9-AD2B-018494CA5268}">
  <ds:schemaRefs>
    <ds:schemaRef ds:uri="90166ead-bc5c-4e35-9267-4db8da106cad"/>
    <ds:schemaRef ds:uri="http://purl.org/dc/elements/1.1/"/>
    <ds:schemaRef ds:uri="http://purl.org/dc/terms/"/>
    <ds:schemaRef ds:uri="http://schemas.microsoft.com/internal/obd"/>
    <ds:schemaRef ds:uri="http://schemas.microsoft.com/office/2006/documentManagement/types"/>
    <ds:schemaRef ds:uri="http://schemas.microsoft.com/office/2006/metadata/contentType"/>
    <ds:schemaRef ds:uri="http://schemas.microsoft.com/office/2006/metadata/properties"/>
    <ds:schemaRef ds:uri="http://schemas.microsoft.com/office/2006/metadata/properties/metaAttributes"/>
    <ds:schemaRef ds:uri="http://schemas.microsoft.com/office/infopath/2007/PartnerControls"/>
    <ds:schemaRef ds:uri="http://schemas.openxmlformats.org/package/2006/metadata/core-properties"/>
    <ds:schemaRef ds:uri="http://www.w3.org/2001/XMLSchema"/>
  </ds:schemaRefs>
</ds:datastoreItem>
</file>

<file path=docProps/app.xml><?xml version="1.0" encoding="utf-8"?>
<Properties xmlns="http://schemas.openxmlformats.org/officeDocument/2006/extended-properties" xmlns:vt="http://schemas.openxmlformats.org/officeDocument/2006/docPropsVTypes">
  <TotalTime>3</TotalTime>
  <Words>2316</Words>
  <Application>Microsoft Office PowerPoint</Application>
  <PresentationFormat>Widescreen</PresentationFormat>
  <Paragraphs>334</Paragraphs>
  <Slides>39</Slides>
  <Notes>28</Notes>
  <HiddenSlides>0</HiddenSlides>
  <MMClips>3</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39</vt:i4>
      </vt:variant>
    </vt:vector>
  </HeadingPairs>
  <TitlesOfParts>
    <vt:vector size="44" baseType="lpstr">
      <vt:lpstr>Poppins Light</vt:lpstr>
      <vt:lpstr>Roboto SemiBold</vt:lpstr>
      <vt:lpstr>Arial</vt:lpstr>
      <vt:lpstr>Poppins SemiBold</vt:lpstr>
      <vt:lpstr>Office Theme</vt:lpstr>
      <vt:lpstr>eXcellence  in AI Showcase</vt:lpstr>
      <vt:lpstr>Introduction: Showcasing Our AI Capabilities</vt:lpstr>
      <vt:lpstr>Tools and Technologies Expertise</vt:lpstr>
      <vt:lpstr>AI for eLearning Creation</vt:lpstr>
      <vt:lpstr>Using Storyline for Automation</vt:lpstr>
      <vt:lpstr>Automation with Storyline: Sample</vt:lpstr>
      <vt:lpstr>Using Articulate Rise AI Features</vt:lpstr>
      <vt:lpstr>AI for Video Creation</vt:lpstr>
      <vt:lpstr>AI-powered Video Creation: Transforming Scripts into Finished Videos in Minutes</vt:lpstr>
      <vt:lpstr>How AI Video Tools Fast-track Development </vt:lpstr>
      <vt:lpstr>Synthesia: From Static AI Videos to Interactive, Adaptive Learning Experiences</vt:lpstr>
      <vt:lpstr>Synthesia Samples</vt:lpstr>
      <vt:lpstr>HeyGen</vt:lpstr>
      <vt:lpstr>HeyGen Sample</vt:lpstr>
      <vt:lpstr>Colossyan</vt:lpstr>
      <vt:lpstr>Colossyan: Multi-view Talking AI Avatar</vt:lpstr>
      <vt:lpstr>Colossyan Samples: Multi-view Talking AI Avatar</vt:lpstr>
      <vt:lpstr>Colossyan Samples: Multi-view Talking AI Avatar (Continued ...)</vt:lpstr>
      <vt:lpstr>AI-driven lip sync</vt:lpstr>
      <vt:lpstr>AI for Voiceover Generation</vt:lpstr>
      <vt:lpstr>AI for Audio Creation: From Script to Audio in Minutes</vt:lpstr>
      <vt:lpstr>AI for Illustrations</vt:lpstr>
      <vt:lpstr>AI-enabled Adobe Illustrator: A “turntable” Approach to Illustration</vt:lpstr>
      <vt:lpstr>AI for Chatbots</vt:lpstr>
      <vt:lpstr>Chatlyst: AI Chatbot Generator</vt:lpstr>
      <vt:lpstr>Articulate RISE Sample with Chatbot</vt:lpstr>
      <vt:lpstr>AI for LMS UI Design</vt:lpstr>
      <vt:lpstr>PowerPoint Presentation</vt:lpstr>
      <vt:lpstr>AI Custom Workflow Samples</vt:lpstr>
      <vt:lpstr>AI-driven Learning Experience: Sample 1</vt:lpstr>
      <vt:lpstr>AI-driven Learning Experience: Sample 2</vt:lpstr>
      <vt:lpstr>AI Curriculum for Senior Leaders and Managers</vt:lpstr>
      <vt:lpstr>PowerPoint Presentation</vt:lpstr>
      <vt:lpstr>Recommended AI Strategies and Tools for CGI </vt:lpstr>
      <vt:lpstr>Recommended AI Opportunities for CGI to Improve Efficiency</vt:lpstr>
      <vt:lpstr>Recommended AI Opportunities for CGI to Improve Efficiency</vt:lpstr>
      <vt:lpstr>Recommended Automation capabilities for CGI to Improve Efficiency</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Priyanka Banerjee</dc:creator>
  <cp:lastModifiedBy>Summit Kumar</cp:lastModifiedBy>
  <cp:revision>2</cp:revision>
  <dcterms:created xsi:type="dcterms:W3CDTF">2023-04-04T09:39:31Z</dcterms:created>
  <dcterms:modified xsi:type="dcterms:W3CDTF">2026-04-30T12:05:4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B503132C94149945A27CE5B404F8C00E</vt:lpwstr>
  </property>
  <property fmtid="{D5CDD505-2E9C-101B-9397-08002B2CF9AE}" pid="3" name="MediaServiceImageTags">
    <vt:lpwstr/>
  </property>
  <property fmtid="{D5CDD505-2E9C-101B-9397-08002B2CF9AE}" pid="4" name="ArticulateGUID">
    <vt:lpwstr>53436BC3-D83A-46D8-B385-857FC2318367</vt:lpwstr>
  </property>
  <property fmtid="{D5CDD505-2E9C-101B-9397-08002B2CF9AE}" pid="5" name="ArticulatePath">
    <vt:lpwstr>https://aptaracoin.sharepoint.com/sites/ENT-INT-Functional-Head/Shared Documents/Common/09_Graphic_Design_Dept/AI_Platform/AI_Presentation_CoBank_14Apr2026</vt:lpwstr>
  </property>
</Properties>
</file>